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20340" windowHeight="8100"/>
  </bookViews>
  <sheets>
    <sheet name="国立市" sheetId="1" r:id="rId1"/>
  </sheets>
  <definedNames>
    <definedName name="_xlnm.Print_Area" localSheetId="0">国立市!$A$1:$Z$57,国立市!$AB$59:$BQ$122</definedName>
  </definedNames>
  <calcPr calcId="162913"/>
</workbook>
</file>

<file path=xl/calcChain.xml><?xml version="1.0" encoding="utf-8"?>
<calcChain xmlns="http://schemas.openxmlformats.org/spreadsheetml/2006/main">
  <c r="L47" i="1" l="1"/>
  <c r="H47" i="1"/>
  <c r="E47" i="1"/>
  <c r="G42" i="1" l="1"/>
  <c r="K42" i="1" s="1"/>
  <c r="D42" i="1"/>
  <c r="K39" i="1"/>
  <c r="K38" i="1"/>
  <c r="K37" i="1"/>
</calcChain>
</file>

<file path=xl/sharedStrings.xml><?xml version="1.0" encoding="utf-8"?>
<sst xmlns="http://schemas.openxmlformats.org/spreadsheetml/2006/main" count="344" uniqueCount="268">
  <si>
    <t xml:space="preserve"> 平  成  ３　０ 年  度</t>
    <phoneticPr fontId="4"/>
  </si>
  <si>
    <t>団体コード</t>
  </si>
  <si>
    <t>132152</t>
    <phoneticPr fontId="4"/>
  </si>
  <si>
    <t>市町村類型</t>
  </si>
  <si>
    <t>Ⅱ-3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国立市</t>
    <phoneticPr fontId="4"/>
  </si>
  <si>
    <t>３０年度交付税種地区分</t>
    <phoneticPr fontId="4"/>
  </si>
  <si>
    <t>Ⅱ-9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３１．４．１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.　.</t>
    <phoneticPr fontId="4"/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27.7.1</t>
    <phoneticPr fontId="4"/>
  </si>
  <si>
    <t>27.7.1</t>
    <phoneticPr fontId="4"/>
  </si>
  <si>
    <t>8.12.1</t>
    <phoneticPr fontId="4"/>
  </si>
  <si>
    <t>介護保険
（介護サービス事業勘定）</t>
    <rPh sb="6" eb="8">
      <t>カイゴ</t>
    </rPh>
    <rPh sb="12" eb="14">
      <t>ジギョウ</t>
    </rPh>
    <rPh sb="14" eb="16">
      <t>カンジョウ</t>
    </rPh>
    <phoneticPr fontId="4"/>
  </si>
  <si>
    <t>下水道事業</t>
    <rPh sb="0" eb="3">
      <t>ゲスイドウ</t>
    </rPh>
    <rPh sb="3" eb="5">
      <t>ジギョウ</t>
    </rPh>
    <phoneticPr fontId="3"/>
  </si>
  <si>
    <t>無</t>
    <rPh sb="0" eb="1">
      <t>ナシ</t>
    </rPh>
    <phoneticPr fontId="3"/>
  </si>
  <si>
    <t>＜ごみ・し尿処理＞　
東京たま広域資源循環組合
多摩川衛生組合
＜収益事業＞
＜その他＞
東京市町村総合事務組合
立川・昭島・国立聖苑組合
東京都後期高齢者医療広域連合
　　　　　　　　　　　　　　　　</t>
    <rPh sb="12" eb="14">
      <t>トウキョウ</t>
    </rPh>
    <rPh sb="16" eb="18">
      <t>コウイキ</t>
    </rPh>
    <rPh sb="18" eb="20">
      <t>シゲン</t>
    </rPh>
    <rPh sb="20" eb="22">
      <t>ジュンカン</t>
    </rPh>
    <rPh sb="22" eb="24">
      <t>クミアイ</t>
    </rPh>
    <rPh sb="26" eb="29">
      <t>タマガワ</t>
    </rPh>
    <rPh sb="29" eb="31">
      <t>エイセイ</t>
    </rPh>
    <rPh sb="31" eb="33">
      <t>クミアイ</t>
    </rPh>
    <rPh sb="59" eb="61">
      <t>トウキョウ</t>
    </rPh>
    <rPh sb="61" eb="64">
      <t>シチョウソン</t>
    </rPh>
    <rPh sb="64" eb="66">
      <t>ソウゴウ</t>
    </rPh>
    <rPh sb="66" eb="68">
      <t>ジム</t>
    </rPh>
    <rPh sb="68" eb="70">
      <t>クミアイ</t>
    </rPh>
    <rPh sb="72" eb="74">
      <t>タチカワ</t>
    </rPh>
    <rPh sb="75" eb="77">
      <t>アキシマ</t>
    </rPh>
    <rPh sb="78" eb="80">
      <t>クニタチ</t>
    </rPh>
    <rPh sb="80" eb="81">
      <t>セイ</t>
    </rPh>
    <rPh sb="81" eb="82">
      <t>エン</t>
    </rPh>
    <rPh sb="82" eb="84">
      <t>クミアイ</t>
    </rPh>
    <rPh sb="86" eb="89">
      <t>トウキョウト</t>
    </rPh>
    <rPh sb="89" eb="91">
      <t>コウキ</t>
    </rPh>
    <rPh sb="91" eb="94">
      <t>コウレイシャ</t>
    </rPh>
    <rPh sb="94" eb="96">
      <t>イリョウ</t>
    </rPh>
    <rPh sb="96" eb="98">
      <t>コウイキ</t>
    </rPh>
    <rPh sb="98" eb="100">
      <t>レンゴウ</t>
    </rPh>
    <phoneticPr fontId="4"/>
  </si>
  <si>
    <t>都市計画道路3・4・10号線用地買収費　　　　　　　808
保育所施設整備費補助金　　　　　　　　　　　　　427
国立駅周辺道路等整備業務委託料　　　　　　　　　412
道路新設改良工事　　　　　　　　　　　　　　　　236
LED街路灯整備事業　　　　　　　　　　 　　　　　202
総合体育館外壁等改修工事　　　　　　　　　　　　166
旧国立駅舎再築工事費　　　　　　　　　　　　　  157
消防団第五分団器具置場新築工事　　　　　　　　   69
自転車駐車場整備工事　　　　　　　　　　　　     68
芸術小ホール外壁等改修工事　　　　　　　　　　　 64</t>
    <rPh sb="14" eb="16">
      <t>ヨウチ</t>
    </rPh>
    <rPh sb="16" eb="18">
      <t>バイシュウ</t>
    </rPh>
    <rPh sb="18" eb="19">
      <t>ヒ</t>
    </rPh>
    <phoneticPr fontId="1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2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#,##0.0"/>
    <numFmt numFmtId="183" formatCode="\(##.0\)"/>
    <numFmt numFmtId="184" formatCode="[$-411]e\.m\.d"/>
    <numFmt numFmtId="185" formatCode="#,##0_ ;[Red]\-#,##0\ "/>
    <numFmt numFmtId="186" formatCode="0.0;&quot;△ &quot;0.0"/>
  </numFmts>
  <fonts count="18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6"/>
      <name val="ＭＳ 明朝"/>
      <family val="1"/>
      <charset val="128"/>
    </font>
    <font>
      <sz val="6"/>
      <name val="ＭＳ Ｐ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5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  <xf numFmtId="38" fontId="15" fillId="0" borderId="0" applyFont="0" applyFill="0" applyBorder="0" applyAlignment="0" applyProtection="0">
      <alignment vertical="center"/>
    </xf>
    <xf numFmtId="0" fontId="15" fillId="0" borderId="0">
      <alignment vertical="center"/>
    </xf>
  </cellStyleXfs>
  <cellXfs count="530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6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8" fillId="0" borderId="0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6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10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0" xfId="0" applyFont="1" applyFill="1" applyBorder="1" applyAlignment="1">
      <alignment horizontal="center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left" vertical="center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7" xfId="0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0" fontId="5" fillId="0" borderId="8" xfId="0" applyFont="1" applyFill="1" applyBorder="1" applyAlignment="1">
      <alignment horizontal="right"/>
    </xf>
    <xf numFmtId="0" fontId="5" fillId="0" borderId="0" xfId="0" applyFont="1" applyFill="1" applyBorder="1" applyAlignment="1"/>
    <xf numFmtId="176" fontId="8" fillId="0" borderId="0" xfId="0" applyNumberFormat="1" applyFont="1" applyFill="1" applyBorder="1" applyAlignment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16" fillId="0" borderId="17" xfId="4" applyFont="1" applyFill="1" applyBorder="1" applyAlignment="1">
      <alignment horizontal="center" vertical="center" wrapText="1"/>
    </xf>
    <xf numFmtId="0" fontId="7" fillId="0" borderId="18" xfId="4" applyFont="1" applyFill="1" applyBorder="1" applyAlignment="1"/>
    <xf numFmtId="0" fontId="12" fillId="0" borderId="17" xfId="4" applyFont="1" applyFill="1" applyBorder="1" applyAlignment="1">
      <alignment horizontal="center" vertical="center" wrapText="1"/>
    </xf>
    <xf numFmtId="0" fontId="5" fillId="0" borderId="17" xfId="4" applyFont="1" applyFill="1" applyBorder="1" applyAlignment="1">
      <alignment horizontal="center"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9" fillId="0" borderId="3" xfId="0" applyFont="1" applyFill="1" applyBorder="1"/>
    <xf numFmtId="0" fontId="9" fillId="0" borderId="4" xfId="0" applyFont="1" applyFill="1" applyBorder="1"/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left" vertical="center"/>
    </xf>
    <xf numFmtId="176" fontId="8" fillId="0" borderId="3" xfId="1" applyNumberFormat="1" applyFont="1" applyFill="1" applyBorder="1" applyAlignment="1">
      <alignment horizontal="right"/>
    </xf>
    <xf numFmtId="0" fontId="5" fillId="0" borderId="7" xfId="0" applyFont="1" applyFill="1" applyBorder="1" applyAlignment="1">
      <alignment horizontal="left" vertical="center" wrapText="1"/>
    </xf>
    <xf numFmtId="0" fontId="9" fillId="0" borderId="9" xfId="0" applyFont="1" applyFill="1" applyBorder="1"/>
    <xf numFmtId="0" fontId="9" fillId="0" borderId="8" xfId="0" applyFont="1" applyFill="1" applyBorder="1"/>
    <xf numFmtId="0" fontId="9" fillId="0" borderId="11" xfId="0" applyFont="1" applyFill="1" applyBorder="1"/>
    <xf numFmtId="0" fontId="9" fillId="0" borderId="0" xfId="0" applyFont="1" applyFill="1"/>
    <xf numFmtId="0" fontId="9" fillId="0" borderId="1" xfId="0" applyFont="1" applyFill="1" applyBorder="1"/>
    <xf numFmtId="0" fontId="9" fillId="0" borderId="10" xfId="0" applyFont="1" applyFill="1" applyBorder="1"/>
    <xf numFmtId="0" fontId="9" fillId="0" borderId="5" xfId="0" applyFont="1" applyFill="1" applyBorder="1"/>
    <xf numFmtId="0" fontId="9" fillId="0" borderId="6" xfId="0" applyFont="1" applyFill="1" applyBorder="1"/>
    <xf numFmtId="0" fontId="4" fillId="0" borderId="7" xfId="4" applyFont="1" applyFill="1" applyBorder="1" applyAlignment="1">
      <alignment horizontal="left" vertical="top" wrapText="1"/>
    </xf>
    <xf numFmtId="0" fontId="10" fillId="0" borderId="8" xfId="4" applyFont="1" applyFill="1" applyBorder="1" applyAlignment="1"/>
    <xf numFmtId="0" fontId="10" fillId="0" borderId="11" xfId="4" applyFont="1" applyFill="1" applyBorder="1" applyAlignment="1"/>
    <xf numFmtId="0" fontId="10" fillId="0" borderId="1" xfId="4" applyFont="1" applyFill="1" applyBorder="1" applyAlignment="1"/>
    <xf numFmtId="0" fontId="10" fillId="0" borderId="10" xfId="4" applyFont="1" applyFill="1" applyBorder="1" applyAlignment="1"/>
    <xf numFmtId="0" fontId="10" fillId="0" borderId="6" xfId="4" applyFont="1" applyFill="1" applyBorder="1" applyAlignment="1"/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vertical="center" wrapText="1"/>
    </xf>
    <xf numFmtId="0" fontId="5" fillId="0" borderId="9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7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178" fontId="8" fillId="0" borderId="2" xfId="1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0" fontId="5" fillId="0" borderId="7" xfId="0" applyFont="1" applyFill="1" applyBorder="1" applyAlignment="1">
      <alignment horizontal="distributed" vertical="center" wrapText="1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0" fontId="5" fillId="0" borderId="1" xfId="0" applyFont="1" applyFill="1" applyBorder="1" applyAlignment="1">
      <alignment horizontal="left" vertical="center" shrinkToFi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0" fontId="7" fillId="0" borderId="11" xfId="0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5" fillId="0" borderId="8" xfId="0" applyFont="1" applyFill="1" applyBorder="1" applyAlignment="1">
      <alignment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11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0" fontId="5" fillId="0" borderId="6" xfId="0" applyFont="1" applyFill="1" applyBorder="1" applyAlignment="1">
      <alignment vertical="center" wrapTex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183" fontId="8" fillId="0" borderId="9" xfId="0" applyNumberFormat="1" applyFont="1" applyFill="1" applyBorder="1" applyAlignment="1">
      <alignment horizontal="center" shrinkToFit="1"/>
    </xf>
    <xf numFmtId="183" fontId="8" fillId="0" borderId="5" xfId="0" applyNumberFormat="1" applyFont="1" applyFill="1" applyBorder="1" applyAlignment="1">
      <alignment horizontal="center" shrinkToFit="1"/>
    </xf>
    <xf numFmtId="0" fontId="7" fillId="0" borderId="11" xfId="0" quotePrefix="1" applyFont="1" applyFill="1" applyBorder="1" applyAlignment="1">
      <alignment vertical="center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182" fontId="8" fillId="0" borderId="7" xfId="1" applyNumberFormat="1" applyFont="1" applyFill="1" applyBorder="1" applyAlignment="1">
      <alignment horizontal="center"/>
    </xf>
    <xf numFmtId="182" fontId="8" fillId="0" borderId="9" xfId="1" applyNumberFormat="1" applyFont="1" applyFill="1" applyBorder="1" applyAlignment="1">
      <alignment horizontal="center"/>
    </xf>
    <xf numFmtId="182" fontId="8" fillId="0" borderId="10" xfId="1" applyNumberFormat="1" applyFont="1" applyFill="1" applyBorder="1" applyAlignment="1">
      <alignment horizontal="center"/>
    </xf>
    <xf numFmtId="182" fontId="8" fillId="0" borderId="5" xfId="1" applyNumberFormat="1" applyFont="1" applyFill="1" applyBorder="1" applyAlignment="1">
      <alignment horizontal="center"/>
    </xf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76" fontId="8" fillId="0" borderId="2" xfId="3" applyNumberFormat="1" applyFont="1" applyFill="1" applyBorder="1" applyAlignment="1">
      <alignment horizontal="right"/>
    </xf>
    <xf numFmtId="176" fontId="11" fillId="0" borderId="3" xfId="4" applyNumberFormat="1" applyFont="1" applyFill="1" applyBorder="1" applyAlignment="1"/>
    <xf numFmtId="176" fontId="11" fillId="0" borderId="4" xfId="4" applyNumberFormat="1" applyFont="1" applyFill="1" applyBorder="1" applyAlignment="1"/>
    <xf numFmtId="176" fontId="8" fillId="0" borderId="3" xfId="3" applyNumberFormat="1" applyFont="1" applyFill="1" applyBorder="1" applyAlignment="1">
      <alignment horizontal="right"/>
    </xf>
    <xf numFmtId="176" fontId="8" fillId="0" borderId="4" xfId="3" applyNumberFormat="1" applyFont="1" applyFill="1" applyBorder="1" applyAlignment="1">
      <alignment horizontal="right"/>
    </xf>
    <xf numFmtId="184" fontId="8" fillId="0" borderId="2" xfId="4" applyNumberFormat="1" applyFont="1" applyFill="1" applyBorder="1" applyAlignment="1">
      <alignment horizontal="center"/>
    </xf>
    <xf numFmtId="184" fontId="8" fillId="0" borderId="3" xfId="4" quotePrefix="1" applyNumberFormat="1" applyFont="1" applyFill="1" applyBorder="1" applyAlignment="1">
      <alignment horizontal="center"/>
    </xf>
    <xf numFmtId="184" fontId="8" fillId="0" borderId="4" xfId="4" quotePrefix="1" applyNumberFormat="1" applyFont="1" applyFill="1" applyBorder="1" applyAlignment="1">
      <alignment horizontal="center"/>
    </xf>
    <xf numFmtId="185" fontId="8" fillId="0" borderId="2" xfId="3" applyNumberFormat="1" applyFont="1" applyFill="1" applyBorder="1" applyAlignment="1">
      <alignment horizontal="right"/>
    </xf>
    <xf numFmtId="185" fontId="8" fillId="0" borderId="3" xfId="3" applyNumberFormat="1" applyFont="1" applyFill="1" applyBorder="1" applyAlignment="1">
      <alignment horizontal="right"/>
    </xf>
    <xf numFmtId="185" fontId="8" fillId="0" borderId="4" xfId="3" applyNumberFormat="1" applyFont="1" applyFill="1" applyBorder="1" applyAlignment="1">
      <alignment horizontal="right"/>
    </xf>
    <xf numFmtId="0" fontId="7" fillId="0" borderId="7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distributed"/>
    </xf>
    <xf numFmtId="176" fontId="8" fillId="0" borderId="2" xfId="1" applyNumberFormat="1" applyFont="1" applyFill="1" applyBorder="1" applyAlignment="1">
      <alignment horizontal="right"/>
    </xf>
    <xf numFmtId="176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 wrapText="1"/>
    </xf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0" fontId="5" fillId="0" borderId="17" xfId="0" applyFont="1" applyFill="1" applyBorder="1" applyAlignment="1">
      <alignment horizontal="distributed" vertical="center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38" fontId="8" fillId="0" borderId="7" xfId="1" applyFont="1" applyFill="1" applyBorder="1" applyAlignment="1">
      <alignment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38" fontId="8" fillId="0" borderId="2" xfId="1" applyFont="1" applyFill="1" applyBorder="1" applyAlignment="1">
      <alignment vertical="center"/>
    </xf>
    <xf numFmtId="38" fontId="8" fillId="0" borderId="3" xfId="1" applyFont="1" applyFill="1" applyBorder="1" applyAlignment="1">
      <alignment vertical="center"/>
    </xf>
    <xf numFmtId="38" fontId="8" fillId="0" borderId="4" xfId="1" applyFont="1" applyFill="1" applyBorder="1" applyAlignment="1">
      <alignment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0" fontId="5" fillId="0" borderId="17" xfId="0" applyFont="1" applyFill="1" applyBorder="1" applyAlignment="1">
      <alignment horizontal="center" vertical="center"/>
    </xf>
    <xf numFmtId="38" fontId="8" fillId="0" borderId="17" xfId="1" applyFont="1" applyFill="1" applyBorder="1" applyAlignment="1">
      <alignment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4" fillId="0" borderId="11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5" fillId="0" borderId="12" xfId="0" applyFont="1" applyFill="1" applyBorder="1" applyAlignment="1">
      <alignment horizontal="distributed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178" fontId="8" fillId="0" borderId="17" xfId="1" applyNumberFormat="1" applyFont="1" applyFill="1" applyBorder="1" applyAlignment="1">
      <alignment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8" fillId="0" borderId="7" xfId="4" applyFont="1" applyFill="1" applyBorder="1" applyAlignment="1">
      <alignment horizontal="left" vertical="top" wrapText="1"/>
    </xf>
    <xf numFmtId="0" fontId="8" fillId="0" borderId="9" xfId="4" applyFont="1" applyFill="1" applyBorder="1" applyAlignment="1">
      <alignment horizontal="left" vertical="top"/>
    </xf>
    <xf numFmtId="0" fontId="8" fillId="0" borderId="8" xfId="4" applyFont="1" applyFill="1" applyBorder="1" applyAlignment="1">
      <alignment horizontal="left" vertical="top"/>
    </xf>
    <xf numFmtId="0" fontId="8" fillId="0" borderId="11" xfId="4" applyFont="1" applyFill="1" applyBorder="1" applyAlignment="1">
      <alignment horizontal="left" vertical="top"/>
    </xf>
    <xf numFmtId="0" fontId="8" fillId="0" borderId="0" xfId="4" applyFont="1" applyFill="1" applyBorder="1" applyAlignment="1">
      <alignment horizontal="left" vertical="top"/>
    </xf>
    <xf numFmtId="0" fontId="8" fillId="0" borderId="1" xfId="4" applyFont="1" applyFill="1" applyBorder="1" applyAlignment="1">
      <alignment horizontal="left" vertical="top"/>
    </xf>
    <xf numFmtId="0" fontId="8" fillId="0" borderId="10" xfId="4" applyFont="1" applyFill="1" applyBorder="1" applyAlignment="1">
      <alignment horizontal="left" vertical="top"/>
    </xf>
    <xf numFmtId="0" fontId="8" fillId="0" borderId="5" xfId="4" applyFont="1" applyFill="1" applyBorder="1" applyAlignment="1">
      <alignment horizontal="left" vertical="top"/>
    </xf>
    <xf numFmtId="0" fontId="8" fillId="0" borderId="6" xfId="4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0" xfId="3" applyFont="1" applyFill="1" applyBorder="1" applyAlignment="1">
      <alignment horizontal="right" vertical="top"/>
    </xf>
    <xf numFmtId="38" fontId="8" fillId="0" borderId="5" xfId="3" applyFont="1" applyFill="1" applyBorder="1" applyAlignment="1">
      <alignment horizontal="right" vertical="top"/>
    </xf>
    <xf numFmtId="0" fontId="8" fillId="0" borderId="5" xfId="0" applyFont="1" applyFill="1" applyBorder="1" applyAlignment="1">
      <alignment vertical="top"/>
    </xf>
    <xf numFmtId="178" fontId="8" fillId="0" borderId="17" xfId="1" applyNumberFormat="1" applyFont="1" applyFill="1" applyBorder="1" applyAlignment="1">
      <alignment horizontal="center" vertical="center"/>
    </xf>
    <xf numFmtId="0" fontId="8" fillId="0" borderId="6" xfId="0" applyFont="1" applyFill="1" applyBorder="1" applyAlignment="1">
      <alignment vertical="top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5">
    <cellStyle name="桁区切り" xfId="1" builtinId="6"/>
    <cellStyle name="桁区切り 3" xfId="3"/>
    <cellStyle name="通貨" xfId="2" builtinId="7"/>
    <cellStyle name="標準" xfId="0" builtinId="0"/>
    <cellStyle name="標準 6" xf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theme" Target="theme/theme1.xml"/>

<Relationship Id="rId1" Type="http://schemas.openxmlformats.org/officeDocument/2006/relationships/worksheet" Target="worksheets/sheet1.xml"/>
<Relationship Id="rId6" Type="http://schemas.openxmlformats.org/officeDocument/2006/relationships/calcChain" Target="calcChain.xml"/>
<Relationship Id="rId5" Type="http://schemas.openxmlformats.org/officeDocument/2006/relationships/sharedStrings" Target="sharedStrings.xml"/>
<Relationship Id="rId4" Type="http://schemas.openxmlformats.org/officeDocument/2006/relationships/styles" Target="style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0</xdr:col>
      <xdr:colOff>291354</xdr:colOff>
      <xdr:row>3</xdr:row>
      <xdr:rowOff>145676</xdr:rowOff>
    </xdr:from>
    <xdr:to>
      <xdr:col>12</xdr:col>
      <xdr:colOff>62755</xdr:colOff>
      <xdr:row>4</xdr:row>
      <xdr:rowOff>14567</xdr:rowOff>
    </xdr:to>
    <xdr:sp macro="" textlink="">
      <xdr:nvSpPr>
        <xdr:cNvPr id="58" name="円/楕円 54"/>
        <xdr:cNvSpPr/>
      </xdr:nvSpPr>
      <xdr:spPr>
        <a:xfrm>
          <a:off x="3877236" y="1367117"/>
          <a:ext cx="723901" cy="149038"/>
        </a:xfrm>
        <a:prstGeom prst="ellipse">
          <a:avLst/>
        </a:prstGeom>
        <a:noFill/>
        <a:ln w="9525">
          <a:solidFill>
            <a:schemeClr val="dk1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141195</xdr:colOff>
      <xdr:row>4</xdr:row>
      <xdr:rowOff>17929</xdr:rowOff>
    </xdr:from>
    <xdr:to>
      <xdr:col>13</xdr:col>
      <xdr:colOff>35861</xdr:colOff>
      <xdr:row>4</xdr:row>
      <xdr:rowOff>166967</xdr:rowOff>
    </xdr:to>
    <xdr:sp macro="" textlink="">
      <xdr:nvSpPr>
        <xdr:cNvPr id="59" name="円/楕円 54"/>
        <xdr:cNvSpPr/>
      </xdr:nvSpPr>
      <xdr:spPr>
        <a:xfrm>
          <a:off x="4029636" y="1519517"/>
          <a:ext cx="723901" cy="149038"/>
        </a:xfrm>
        <a:prstGeom prst="ellipse">
          <a:avLst/>
        </a:prstGeom>
        <a:noFill/>
        <a:ln w="9525">
          <a:solidFill>
            <a:schemeClr val="dk1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5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5"/>
  </cols>
  <sheetData>
    <row r="1" spans="1:70" s="1" customFormat="1" ht="39" customHeight="1" x14ac:dyDescent="0.2">
      <c r="A1" s="112" t="s">
        <v>
0</v>
      </c>
      <c r="B1" s="112"/>
      <c r="C1" s="112"/>
      <c r="D1" s="112"/>
      <c r="E1" s="112"/>
      <c r="F1" s="112"/>
      <c r="G1" s="112"/>
      <c r="H1" s="112"/>
      <c r="I1" s="113"/>
      <c r="J1" s="114" t="s">
        <v>
1</v>
      </c>
      <c r="K1" s="115"/>
      <c r="L1" s="116"/>
      <c r="M1" s="117" t="s">
        <v>
2</v>
      </c>
      <c r="N1" s="118"/>
      <c r="O1" s="118"/>
      <c r="P1" s="118"/>
      <c r="Q1" s="118"/>
      <c r="R1" s="119"/>
      <c r="S1" s="114" t="s">
        <v>
3</v>
      </c>
      <c r="T1" s="115"/>
      <c r="U1" s="115"/>
      <c r="V1" s="116"/>
      <c r="W1" s="117" t="s">
        <v>
4</v>
      </c>
      <c r="X1" s="118"/>
      <c r="Y1" s="118"/>
      <c r="Z1" s="119"/>
      <c r="AB1" s="67"/>
      <c r="AC1" s="501" t="s">
        <v>
5</v>
      </c>
      <c r="AD1" s="67"/>
      <c r="AE1" s="67"/>
      <c r="AF1" s="67"/>
      <c r="AG1" s="67"/>
      <c r="AH1" s="67"/>
      <c r="AI1" s="67"/>
      <c r="AJ1" s="67"/>
      <c r="AK1" s="67"/>
      <c r="AL1" s="67"/>
      <c r="AM1" s="67"/>
      <c r="AN1" s="67"/>
      <c r="AO1" s="67"/>
      <c r="AP1" s="67"/>
      <c r="AQ1" s="67"/>
      <c r="AR1" s="67"/>
      <c r="AS1" s="67"/>
      <c r="AT1" s="67"/>
      <c r="AU1" s="67"/>
      <c r="AV1" s="67"/>
      <c r="AW1" s="67"/>
      <c r="AX1" s="67"/>
      <c r="AY1" s="67"/>
      <c r="AZ1" s="67"/>
      <c r="BA1" s="67"/>
      <c r="BB1" s="67"/>
      <c r="BC1" s="67"/>
      <c r="BD1" s="67"/>
      <c r="BE1" s="67"/>
      <c r="BF1" s="67"/>
      <c r="BG1" s="67"/>
      <c r="BH1" s="67"/>
      <c r="BI1" s="67"/>
      <c r="BJ1" s="67"/>
      <c r="BK1" s="67"/>
      <c r="BL1" s="67"/>
      <c r="BM1" s="67"/>
      <c r="BN1" s="67"/>
      <c r="BO1" s="67"/>
      <c r="BP1" s="67"/>
      <c r="BQ1" s="67"/>
      <c r="BR1" s="2"/>
    </row>
    <row r="2" spans="1:70" s="1" customFormat="1" ht="39" customHeight="1" x14ac:dyDescent="0.2">
      <c r="A2" s="120" t="s">
        <v>
6</v>
      </c>
      <c r="B2" s="120"/>
      <c r="C2" s="120"/>
      <c r="D2" s="120"/>
      <c r="E2" s="120"/>
      <c r="F2" s="120"/>
      <c r="G2" s="120"/>
      <c r="H2" s="120"/>
      <c r="I2" s="121"/>
      <c r="J2" s="114" t="s">
        <v>
7</v>
      </c>
      <c r="K2" s="115"/>
      <c r="L2" s="116"/>
      <c r="M2" s="122" t="s">
        <v>
8</v>
      </c>
      <c r="N2" s="123"/>
      <c r="O2" s="123"/>
      <c r="P2" s="123"/>
      <c r="Q2" s="123"/>
      <c r="R2" s="124"/>
      <c r="S2" s="114" t="s">
        <v>
9</v>
      </c>
      <c r="T2" s="115"/>
      <c r="U2" s="115"/>
      <c r="V2" s="116"/>
      <c r="W2" s="117" t="s">
        <v>
10</v>
      </c>
      <c r="X2" s="118"/>
      <c r="Y2" s="118"/>
      <c r="Z2" s="119"/>
      <c r="AB2" s="67"/>
      <c r="AC2" s="502" t="s">
        <v>
11</v>
      </c>
      <c r="AD2" s="67"/>
      <c r="AE2" s="67"/>
      <c r="AF2" s="67"/>
      <c r="AG2" s="67"/>
      <c r="AH2" s="67"/>
      <c r="AI2" s="67"/>
      <c r="AJ2" s="67"/>
      <c r="AK2" s="67"/>
      <c r="AL2" s="67"/>
      <c r="AM2" s="67"/>
      <c r="AN2" s="67"/>
      <c r="AO2" s="67"/>
      <c r="AP2" s="67"/>
      <c r="AQ2" s="67"/>
      <c r="AR2" s="67"/>
      <c r="AS2" s="67"/>
      <c r="AT2" s="67"/>
      <c r="AU2" s="67"/>
      <c r="AV2" s="67"/>
      <c r="AW2" s="67"/>
      <c r="AX2" s="67"/>
      <c r="AY2" s="70"/>
      <c r="AZ2" s="70"/>
      <c r="BA2" s="70"/>
      <c r="BB2" s="70"/>
      <c r="BC2" s="70"/>
      <c r="BD2" s="70"/>
      <c r="BE2" s="83"/>
      <c r="BF2" s="83"/>
      <c r="BG2" s="83"/>
      <c r="BH2" s="83"/>
      <c r="BI2" s="67"/>
      <c r="BJ2" s="67"/>
      <c r="BK2" s="67"/>
      <c r="BL2" s="67"/>
      <c r="BM2" s="67"/>
      <c r="BN2" s="67"/>
      <c r="BO2" s="67"/>
      <c r="BP2" s="67"/>
      <c r="BQ2" s="67"/>
      <c r="BR2" s="2"/>
    </row>
    <row r="3" spans="1:70" s="1" customFormat="1" ht="18.75" customHeight="1" x14ac:dyDescent="0.2">
      <c r="A3" s="125" t="s">
        <v>
12</v>
      </c>
      <c r="B3" s="126"/>
      <c r="C3" s="126"/>
      <c r="D3" s="126"/>
      <c r="E3" s="126"/>
      <c r="F3" s="126"/>
      <c r="G3" s="126"/>
      <c r="H3" s="126"/>
      <c r="I3" s="127"/>
      <c r="J3" s="125" t="s">
        <v>
13</v>
      </c>
      <c r="K3" s="126"/>
      <c r="L3" s="126"/>
      <c r="M3" s="126"/>
      <c r="N3" s="127"/>
      <c r="O3" s="125" t="s">
        <v>
14</v>
      </c>
      <c r="P3" s="127"/>
      <c r="Q3" s="125" t="s">
        <v>
15</v>
      </c>
      <c r="R3" s="128"/>
      <c r="S3" s="128"/>
      <c r="T3" s="128"/>
      <c r="U3" s="128"/>
      <c r="V3" s="128"/>
      <c r="W3" s="128"/>
      <c r="X3" s="128"/>
      <c r="Y3" s="128"/>
      <c r="Z3" s="129"/>
      <c r="AB3" s="67"/>
      <c r="AC3" s="67"/>
      <c r="AD3" s="67"/>
      <c r="AE3" s="67"/>
      <c r="AF3" s="67"/>
      <c r="AG3" s="67"/>
      <c r="AH3" s="67"/>
      <c r="AI3" s="67"/>
      <c r="AJ3" s="67"/>
      <c r="AK3" s="67"/>
      <c r="AL3" s="67"/>
      <c r="AM3" s="67"/>
      <c r="AN3" s="67"/>
      <c r="AO3" s="67"/>
      <c r="AP3" s="67"/>
      <c r="AQ3" s="67"/>
      <c r="AR3" s="67"/>
      <c r="AS3" s="67"/>
      <c r="AT3" s="67"/>
      <c r="AU3" s="67"/>
      <c r="AV3" s="67"/>
      <c r="AW3" s="67"/>
      <c r="AX3" s="67"/>
      <c r="AY3" s="70"/>
      <c r="AZ3" s="70"/>
      <c r="BA3" s="70"/>
      <c r="BB3" s="70"/>
      <c r="BC3" s="70"/>
      <c r="BD3" s="70"/>
      <c r="BE3" s="67"/>
      <c r="BF3" s="67"/>
      <c r="BG3" s="67"/>
      <c r="BH3" s="67"/>
      <c r="BI3" s="67"/>
      <c r="BJ3" s="67"/>
      <c r="BK3" s="67"/>
      <c r="BL3" s="67"/>
      <c r="BM3" s="67"/>
      <c r="BN3" s="67"/>
      <c r="BO3" s="67"/>
      <c r="BP3" s="67"/>
      <c r="BQ3" s="67"/>
      <c r="BR3" s="2"/>
    </row>
    <row r="4" spans="1:70" s="1" customFormat="1" ht="21.75" customHeight="1" x14ac:dyDescent="0.2">
      <c r="A4" s="130" t="s">
        <v>
16</v>
      </c>
      <c r="B4" s="131"/>
      <c r="C4" s="134" t="s">
        <v>
17</v>
      </c>
      <c r="D4" s="128"/>
      <c r="E4" s="135">
        <v>
73655</v>
      </c>
      <c r="F4" s="135"/>
      <c r="G4" s="135"/>
      <c r="H4" s="135"/>
      <c r="I4" s="3" t="s">
        <v>
18</v>
      </c>
      <c r="J4" s="136" t="s">
        <v>
19</v>
      </c>
      <c r="K4" s="137"/>
      <c r="L4" s="137"/>
      <c r="M4" s="137"/>
      <c r="N4" s="138"/>
      <c r="O4" s="145" t="s">
        <v>
266</v>
      </c>
      <c r="P4" s="146"/>
      <c r="Q4" s="114" t="s">
        <v>
20</v>
      </c>
      <c r="R4" s="115"/>
      <c r="S4" s="115"/>
      <c r="T4" s="115"/>
      <c r="U4" s="116"/>
      <c r="V4" s="151">
        <v>
11723212</v>
      </c>
      <c r="W4" s="152"/>
      <c r="X4" s="152"/>
      <c r="Y4" s="152"/>
      <c r="Z4" s="4" t="s">
        <v>
21</v>
      </c>
      <c r="AB4" s="67"/>
      <c r="AC4" s="67"/>
      <c r="AD4" s="67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67"/>
      <c r="AV4" s="67"/>
      <c r="AW4" s="67"/>
      <c r="AX4" s="67"/>
      <c r="AY4" s="6"/>
      <c r="AZ4" s="6"/>
      <c r="BA4" s="6"/>
      <c r="BB4" s="6"/>
      <c r="BC4" s="5"/>
      <c r="BD4" s="78"/>
      <c r="BE4" s="6"/>
      <c r="BF4" s="6"/>
      <c r="BG4" s="6"/>
      <c r="BH4" s="6"/>
      <c r="BI4" s="6"/>
      <c r="BJ4" s="6"/>
      <c r="BK4" s="6"/>
      <c r="BL4" s="6"/>
      <c r="BM4" s="6"/>
      <c r="BN4" s="6"/>
      <c r="BO4" s="66"/>
      <c r="BP4" s="66"/>
      <c r="BQ4" s="66"/>
      <c r="BR4" s="2"/>
    </row>
    <row r="5" spans="1:70" s="1" customFormat="1" ht="21.75" customHeight="1" x14ac:dyDescent="0.2">
      <c r="A5" s="132"/>
      <c r="B5" s="133"/>
      <c r="C5" s="153" t="s">
        <v>
22</v>
      </c>
      <c r="D5" s="154"/>
      <c r="E5" s="155">
        <v>
-2.4566282611574599</v>
      </c>
      <c r="F5" s="155"/>
      <c r="G5" s="155"/>
      <c r="H5" s="155"/>
      <c r="I5" s="3" t="s">
        <v>
23</v>
      </c>
      <c r="J5" s="139"/>
      <c r="K5" s="140"/>
      <c r="L5" s="140"/>
      <c r="M5" s="140"/>
      <c r="N5" s="141"/>
      <c r="O5" s="147"/>
      <c r="P5" s="148"/>
      <c r="Q5" s="114" t="s">
        <v>
24</v>
      </c>
      <c r="R5" s="115"/>
      <c r="S5" s="115"/>
      <c r="T5" s="115"/>
      <c r="U5" s="116"/>
      <c r="V5" s="151">
        <v>
11717664</v>
      </c>
      <c r="W5" s="152"/>
      <c r="X5" s="152"/>
      <c r="Y5" s="152"/>
      <c r="Z5" s="4" t="s">
        <v>
21</v>
      </c>
      <c r="AB5" s="65"/>
      <c r="AC5" s="65"/>
      <c r="AD5" s="65"/>
      <c r="AE5" s="87"/>
      <c r="AF5" s="87"/>
      <c r="AG5" s="87"/>
      <c r="AH5" s="87"/>
      <c r="AI5" s="88"/>
      <c r="AJ5" s="88"/>
      <c r="AK5" s="88"/>
      <c r="AL5" s="88"/>
      <c r="AM5" s="87"/>
      <c r="AN5" s="87"/>
      <c r="AO5" s="87"/>
      <c r="AP5" s="87"/>
      <c r="AQ5" s="88"/>
      <c r="AR5" s="88"/>
      <c r="AS5" s="88"/>
      <c r="AT5" s="88"/>
      <c r="AU5" s="65"/>
      <c r="AV5" s="65"/>
      <c r="AW5" s="65"/>
      <c r="AX5" s="65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88"/>
      <c r="BP5" s="88"/>
      <c r="BQ5" s="88"/>
      <c r="BR5" s="2"/>
    </row>
    <row r="6" spans="1:70" s="1" customFormat="1" ht="21.75" customHeight="1" x14ac:dyDescent="0.2">
      <c r="A6" s="130" t="s">
        <v>
25</v>
      </c>
      <c r="B6" s="131"/>
      <c r="C6" s="158" t="s">
        <v>
26</v>
      </c>
      <c r="D6" s="128"/>
      <c r="E6" s="135">
        <v>
76038</v>
      </c>
      <c r="F6" s="135"/>
      <c r="G6" s="135"/>
      <c r="H6" s="135"/>
      <c r="I6" s="3" t="s">
        <v>
18</v>
      </c>
      <c r="J6" s="139"/>
      <c r="K6" s="140"/>
      <c r="L6" s="140"/>
      <c r="M6" s="140"/>
      <c r="N6" s="141"/>
      <c r="O6" s="147"/>
      <c r="P6" s="148"/>
      <c r="Q6" s="159" t="s">
        <v>
27</v>
      </c>
      <c r="R6" s="160"/>
      <c r="S6" s="115"/>
      <c r="T6" s="115"/>
      <c r="U6" s="116"/>
      <c r="V6" s="151">
        <v>
15359752</v>
      </c>
      <c r="W6" s="152"/>
      <c r="X6" s="152"/>
      <c r="Y6" s="152"/>
      <c r="Z6" s="4" t="s">
        <v>
21</v>
      </c>
      <c r="AB6" s="65"/>
      <c r="AC6" s="65"/>
      <c r="AD6" s="65"/>
      <c r="AE6" s="87"/>
      <c r="AF6" s="87"/>
      <c r="AG6" s="87"/>
      <c r="AH6" s="87"/>
      <c r="AI6" s="88"/>
      <c r="AJ6" s="88"/>
      <c r="AK6" s="88"/>
      <c r="AL6" s="88"/>
      <c r="AM6" s="87"/>
      <c r="AN6" s="87"/>
      <c r="AO6" s="87"/>
      <c r="AP6" s="87"/>
      <c r="AQ6" s="88"/>
      <c r="AR6" s="88"/>
      <c r="AS6" s="88"/>
      <c r="AT6" s="88"/>
      <c r="AU6" s="94"/>
      <c r="AV6" s="94"/>
      <c r="AW6" s="94"/>
      <c r="AX6" s="94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88"/>
      <c r="BP6" s="88"/>
      <c r="BQ6" s="88"/>
      <c r="BR6" s="2"/>
    </row>
    <row r="7" spans="1:70" s="1" customFormat="1" ht="21.75" customHeight="1" x14ac:dyDescent="0.2">
      <c r="A7" s="156"/>
      <c r="B7" s="157"/>
      <c r="C7" s="134" t="s">
        <v>
28</v>
      </c>
      <c r="D7" s="128"/>
      <c r="E7" s="155">
        <v>
0.41598985777108699</v>
      </c>
      <c r="F7" s="155"/>
      <c r="G7" s="155"/>
      <c r="H7" s="155"/>
      <c r="I7" s="3" t="s">
        <v>
23</v>
      </c>
      <c r="J7" s="142"/>
      <c r="K7" s="143"/>
      <c r="L7" s="143"/>
      <c r="M7" s="143"/>
      <c r="N7" s="144"/>
      <c r="O7" s="147"/>
      <c r="P7" s="148"/>
      <c r="Q7" s="161"/>
      <c r="R7" s="162"/>
      <c r="S7" s="163" t="s">
        <v>
29</v>
      </c>
      <c r="T7" s="164"/>
      <c r="U7" s="165"/>
      <c r="V7" s="151">
        <v>
19564</v>
      </c>
      <c r="W7" s="152"/>
      <c r="X7" s="152"/>
      <c r="Y7" s="152"/>
      <c r="Z7" s="4" t="s">
        <v>
21</v>
      </c>
      <c r="AB7" s="65"/>
      <c r="AC7" s="65"/>
      <c r="AD7" s="65"/>
      <c r="AE7" s="87"/>
      <c r="AF7" s="87"/>
      <c r="AG7" s="87"/>
      <c r="AH7" s="87"/>
      <c r="AI7" s="88"/>
      <c r="AJ7" s="88"/>
      <c r="AK7" s="88"/>
      <c r="AL7" s="88"/>
      <c r="AM7" s="87"/>
      <c r="AN7" s="87"/>
      <c r="AO7" s="87"/>
      <c r="AP7" s="87"/>
      <c r="AQ7" s="88"/>
      <c r="AR7" s="88"/>
      <c r="AS7" s="88"/>
      <c r="AT7" s="88"/>
      <c r="AU7" s="65"/>
      <c r="AV7" s="65"/>
      <c r="AW7" s="65"/>
      <c r="AX7" s="65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88"/>
      <c r="BP7" s="88"/>
      <c r="BQ7" s="88"/>
      <c r="BR7" s="2"/>
    </row>
    <row r="8" spans="1:70" s="1" customFormat="1" ht="16.5" customHeight="1" x14ac:dyDescent="0.2">
      <c r="A8" s="156"/>
      <c r="B8" s="157"/>
      <c r="C8" s="166" t="s">
        <v>
30</v>
      </c>
      <c r="D8" s="167"/>
      <c r="E8" s="167"/>
      <c r="F8" s="170">
        <v>
17437</v>
      </c>
      <c r="G8" s="170"/>
      <c r="H8" s="170"/>
      <c r="I8" s="172" t="s">
        <v>
18</v>
      </c>
      <c r="J8" s="173" t="s">
        <v>
31</v>
      </c>
      <c r="K8" s="175">
        <v>
8.15</v>
      </c>
      <c r="L8" s="176"/>
      <c r="M8" s="179" t="s">
        <v>
32</v>
      </c>
      <c r="N8" s="180"/>
      <c r="O8" s="147"/>
      <c r="P8" s="148"/>
      <c r="Q8" s="159" t="s">
        <v>
33</v>
      </c>
      <c r="R8" s="137"/>
      <c r="S8" s="137"/>
      <c r="T8" s="137"/>
      <c r="U8" s="138"/>
      <c r="V8" s="183"/>
      <c r="W8" s="184"/>
      <c r="X8" s="184"/>
      <c r="Y8" s="9">
        <v>
1.0269999999999999</v>
      </c>
      <c r="Z8" s="10"/>
      <c r="AB8" s="65"/>
      <c r="AC8" s="65"/>
      <c r="AD8" s="65"/>
      <c r="AE8" s="87"/>
      <c r="AF8" s="87"/>
      <c r="AG8" s="87"/>
      <c r="AH8" s="87"/>
      <c r="AI8" s="88"/>
      <c r="AJ8" s="88"/>
      <c r="AK8" s="88"/>
      <c r="AL8" s="88"/>
      <c r="AM8" s="87"/>
      <c r="AN8" s="87"/>
      <c r="AO8" s="87"/>
      <c r="AP8" s="87"/>
      <c r="AQ8" s="88"/>
      <c r="AR8" s="88"/>
      <c r="AS8" s="88"/>
      <c r="AT8" s="88"/>
      <c r="AU8" s="65"/>
      <c r="AV8" s="65"/>
      <c r="AW8" s="65"/>
      <c r="AX8" s="65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88"/>
      <c r="BP8" s="88"/>
      <c r="BQ8" s="88"/>
      <c r="BR8" s="2"/>
    </row>
    <row r="9" spans="1:70" s="1" customFormat="1" ht="21.75" customHeight="1" x14ac:dyDescent="0.2">
      <c r="A9" s="132"/>
      <c r="B9" s="133"/>
      <c r="C9" s="168"/>
      <c r="D9" s="169"/>
      <c r="E9" s="169"/>
      <c r="F9" s="171"/>
      <c r="G9" s="171"/>
      <c r="H9" s="171"/>
      <c r="I9" s="144"/>
      <c r="J9" s="174"/>
      <c r="K9" s="177"/>
      <c r="L9" s="178"/>
      <c r="M9" s="181"/>
      <c r="N9" s="182"/>
      <c r="O9" s="147"/>
      <c r="P9" s="148"/>
      <c r="Q9" s="142"/>
      <c r="R9" s="143"/>
      <c r="S9" s="143"/>
      <c r="T9" s="143"/>
      <c r="U9" s="144"/>
      <c r="V9" s="185" t="s">
        <v>
34</v>
      </c>
      <c r="W9" s="186"/>
      <c r="X9" s="186"/>
      <c r="Y9" s="11">
        <v>
1</v>
      </c>
      <c r="Z9" s="12" t="s">
        <v>
35</v>
      </c>
      <c r="AB9" s="13"/>
      <c r="AC9" s="13"/>
      <c r="AD9" s="13"/>
      <c r="AE9" s="87"/>
      <c r="AF9" s="87"/>
      <c r="AG9" s="87"/>
      <c r="AH9" s="87"/>
      <c r="AI9" s="88"/>
      <c r="AJ9" s="88"/>
      <c r="AK9" s="88"/>
      <c r="AL9" s="88"/>
      <c r="AM9" s="87"/>
      <c r="AN9" s="87"/>
      <c r="AO9" s="87"/>
      <c r="AP9" s="87"/>
      <c r="AQ9" s="88"/>
      <c r="AR9" s="88"/>
      <c r="AS9" s="88"/>
      <c r="AT9" s="88"/>
      <c r="AU9" s="94"/>
      <c r="AV9" s="65"/>
      <c r="AW9" s="65"/>
      <c r="AX9" s="65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88"/>
      <c r="BP9" s="88"/>
      <c r="BQ9" s="88"/>
      <c r="BR9" s="2"/>
    </row>
    <row r="10" spans="1:70" s="1" customFormat="1" ht="21.75" customHeight="1" x14ac:dyDescent="0.2">
      <c r="A10" s="187" t="s">
        <v>
36</v>
      </c>
      <c r="B10" s="188"/>
      <c r="C10" s="188"/>
      <c r="D10" s="188"/>
      <c r="E10" s="189"/>
      <c r="F10" s="187" t="s">
        <v>
37</v>
      </c>
      <c r="G10" s="188"/>
      <c r="H10" s="188"/>
      <c r="I10" s="188"/>
      <c r="J10" s="189"/>
      <c r="K10" s="187" t="s">
        <v>
38</v>
      </c>
      <c r="L10" s="188"/>
      <c r="M10" s="188"/>
      <c r="N10" s="189"/>
      <c r="O10" s="147"/>
      <c r="P10" s="148"/>
      <c r="Q10" s="114" t="s">
        <v>
39</v>
      </c>
      <c r="R10" s="128"/>
      <c r="S10" s="128"/>
      <c r="T10" s="128"/>
      <c r="U10" s="129"/>
      <c r="V10" s="193">
        <v>
3.9281884238755942</v>
      </c>
      <c r="W10" s="152"/>
      <c r="X10" s="152"/>
      <c r="Y10" s="152"/>
      <c r="Z10" s="4" t="s">
        <v>
23</v>
      </c>
      <c r="AB10" s="65"/>
      <c r="AC10" s="65"/>
      <c r="AD10" s="65"/>
      <c r="AE10" s="87"/>
      <c r="AF10" s="87"/>
      <c r="AG10" s="87"/>
      <c r="AH10" s="87"/>
      <c r="AI10" s="88"/>
      <c r="AJ10" s="88"/>
      <c r="AK10" s="88"/>
      <c r="AL10" s="88"/>
      <c r="AM10" s="87"/>
      <c r="AN10" s="87"/>
      <c r="AO10" s="87"/>
      <c r="AP10" s="87"/>
      <c r="AQ10" s="88"/>
      <c r="AR10" s="88"/>
      <c r="AS10" s="88"/>
      <c r="AT10" s="88"/>
      <c r="AU10" s="94"/>
      <c r="AV10" s="65"/>
      <c r="AW10" s="65"/>
      <c r="AX10" s="65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88"/>
      <c r="BP10" s="88"/>
      <c r="BQ10" s="88"/>
      <c r="BR10" s="2"/>
    </row>
    <row r="11" spans="1:70" s="1" customFormat="1" ht="21.75" customHeight="1" x14ac:dyDescent="0.2">
      <c r="A11" s="190"/>
      <c r="B11" s="191"/>
      <c r="C11" s="191"/>
      <c r="D11" s="191"/>
      <c r="E11" s="192"/>
      <c r="F11" s="190"/>
      <c r="G11" s="191"/>
      <c r="H11" s="191"/>
      <c r="I11" s="191"/>
      <c r="J11" s="192"/>
      <c r="K11" s="190"/>
      <c r="L11" s="191"/>
      <c r="M11" s="191"/>
      <c r="N11" s="192"/>
      <c r="O11" s="147"/>
      <c r="P11" s="148"/>
      <c r="Q11" s="114" t="s">
        <v>
40</v>
      </c>
      <c r="R11" s="128"/>
      <c r="S11" s="128"/>
      <c r="T11" s="128"/>
      <c r="U11" s="129"/>
      <c r="V11" s="193">
        <v>
8.5910361592980315</v>
      </c>
      <c r="W11" s="152"/>
      <c r="X11" s="152"/>
      <c r="Y11" s="152"/>
      <c r="Z11" s="4" t="s">
        <v>
23</v>
      </c>
      <c r="AB11" s="13"/>
      <c r="AC11" s="13"/>
      <c r="AD11" s="13"/>
      <c r="AE11" s="87"/>
      <c r="AF11" s="87"/>
      <c r="AG11" s="87"/>
      <c r="AH11" s="87"/>
      <c r="AI11" s="88"/>
      <c r="AJ11" s="88"/>
      <c r="AK11" s="88"/>
      <c r="AL11" s="88"/>
      <c r="AM11" s="87"/>
      <c r="AN11" s="87"/>
      <c r="AO11" s="87"/>
      <c r="AP11" s="87"/>
      <c r="AQ11" s="88"/>
      <c r="AR11" s="88"/>
      <c r="AS11" s="88"/>
      <c r="AT11" s="88"/>
      <c r="AU11" s="94"/>
      <c r="AV11" s="94"/>
      <c r="AW11" s="94"/>
      <c r="AX11" s="94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88"/>
      <c r="BP11" s="88"/>
      <c r="BQ11" s="88"/>
      <c r="BR11" s="2"/>
    </row>
    <row r="12" spans="1:70" s="1" customFormat="1" ht="21.75" customHeight="1" x14ac:dyDescent="0.2">
      <c r="A12" s="195" t="s">
        <v>
41</v>
      </c>
      <c r="B12" s="196"/>
      <c r="C12" s="167" t="s">
        <v>
42</v>
      </c>
      <c r="D12" s="199"/>
      <c r="E12" s="200"/>
      <c r="F12" s="203">
        <v>
31626938</v>
      </c>
      <c r="G12" s="204"/>
      <c r="H12" s="204"/>
      <c r="I12" s="204"/>
      <c r="J12" s="205"/>
      <c r="K12" s="203">
        <v>
29942974</v>
      </c>
      <c r="L12" s="204"/>
      <c r="M12" s="204"/>
      <c r="N12" s="205"/>
      <c r="O12" s="147"/>
      <c r="P12" s="148"/>
      <c r="Q12" s="114" t="s">
        <v>
43</v>
      </c>
      <c r="R12" s="128"/>
      <c r="S12" s="128"/>
      <c r="T12" s="128"/>
      <c r="U12" s="129"/>
      <c r="V12" s="193">
        <v>
96.240948425919754</v>
      </c>
      <c r="W12" s="152"/>
      <c r="X12" s="152"/>
      <c r="Y12" s="152"/>
      <c r="Z12" s="4" t="s">
        <v>
23</v>
      </c>
      <c r="AB12" s="13"/>
      <c r="AC12" s="13"/>
      <c r="AD12" s="13"/>
      <c r="AE12" s="7"/>
      <c r="AF12" s="7"/>
      <c r="AG12" s="7"/>
      <c r="AH12" s="7"/>
      <c r="AI12" s="88"/>
      <c r="AJ12" s="88"/>
      <c r="AK12" s="88"/>
      <c r="AL12" s="88"/>
      <c r="AM12" s="87"/>
      <c r="AN12" s="87"/>
      <c r="AO12" s="87"/>
      <c r="AP12" s="87"/>
      <c r="AQ12" s="88"/>
      <c r="AR12" s="88"/>
      <c r="AS12" s="88"/>
      <c r="AT12" s="88"/>
      <c r="AU12" s="94"/>
      <c r="AV12" s="94"/>
      <c r="AW12" s="94"/>
      <c r="AX12" s="94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88"/>
      <c r="BP12" s="88"/>
      <c r="BQ12" s="88"/>
      <c r="BR12" s="2"/>
    </row>
    <row r="13" spans="1:70" s="1" customFormat="1" ht="11.25" customHeight="1" x14ac:dyDescent="0.2">
      <c r="A13" s="197"/>
      <c r="B13" s="198"/>
      <c r="C13" s="201"/>
      <c r="D13" s="201"/>
      <c r="E13" s="202"/>
      <c r="F13" s="206"/>
      <c r="G13" s="207"/>
      <c r="H13" s="207"/>
      <c r="I13" s="207"/>
      <c r="J13" s="208"/>
      <c r="K13" s="206"/>
      <c r="L13" s="207"/>
      <c r="M13" s="207"/>
      <c r="N13" s="208"/>
      <c r="O13" s="147"/>
      <c r="P13" s="148"/>
      <c r="Q13" s="214" t="s">
        <v>
44</v>
      </c>
      <c r="R13" s="160"/>
      <c r="S13" s="160"/>
      <c r="T13" s="160"/>
      <c r="U13" s="215"/>
      <c r="V13" s="219">
        <v>
13601162</v>
      </c>
      <c r="W13" s="220"/>
      <c r="X13" s="220"/>
      <c r="Y13" s="220"/>
      <c r="Z13" s="194" t="s">
        <v>
21</v>
      </c>
      <c r="AB13" s="14"/>
      <c r="AC13" s="14"/>
      <c r="AD13" s="14"/>
      <c r="AE13" s="87"/>
      <c r="AF13" s="87"/>
      <c r="AG13" s="87"/>
      <c r="AH13" s="87"/>
      <c r="AI13" s="88"/>
      <c r="AJ13" s="88"/>
      <c r="AK13" s="88"/>
      <c r="AL13" s="88"/>
      <c r="AM13" s="87"/>
      <c r="AN13" s="87"/>
      <c r="AO13" s="87"/>
      <c r="AP13" s="87"/>
      <c r="AQ13" s="88"/>
      <c r="AR13" s="88"/>
      <c r="AS13" s="88"/>
      <c r="AT13" s="88"/>
      <c r="AU13" s="65"/>
      <c r="AV13" s="65"/>
      <c r="AW13" s="65"/>
      <c r="AX13" s="65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88"/>
      <c r="BP13" s="88"/>
      <c r="BQ13" s="88"/>
      <c r="BR13" s="2"/>
    </row>
    <row r="14" spans="1:70" s="1" customFormat="1" ht="10.5" customHeight="1" x14ac:dyDescent="0.2">
      <c r="A14" s="195" t="s">
        <v>
45</v>
      </c>
      <c r="B14" s="196"/>
      <c r="C14" s="167" t="s">
        <v>
46</v>
      </c>
      <c r="D14" s="199"/>
      <c r="E14" s="200"/>
      <c r="F14" s="203">
        <v>
30974634</v>
      </c>
      <c r="G14" s="204"/>
      <c r="H14" s="204"/>
      <c r="I14" s="204"/>
      <c r="J14" s="205"/>
      <c r="K14" s="203">
        <v>
29364335</v>
      </c>
      <c r="L14" s="204"/>
      <c r="M14" s="204"/>
      <c r="N14" s="205"/>
      <c r="O14" s="147"/>
      <c r="P14" s="148"/>
      <c r="Q14" s="216"/>
      <c r="R14" s="217"/>
      <c r="S14" s="217"/>
      <c r="T14" s="217"/>
      <c r="U14" s="218"/>
      <c r="V14" s="221"/>
      <c r="W14" s="222"/>
      <c r="X14" s="222"/>
      <c r="Y14" s="222"/>
      <c r="Z14" s="144"/>
      <c r="AB14" s="65"/>
      <c r="AC14" s="65"/>
      <c r="AD14" s="65"/>
      <c r="AE14" s="87"/>
      <c r="AF14" s="87"/>
      <c r="AG14" s="87"/>
      <c r="AH14" s="87"/>
      <c r="AI14" s="88"/>
      <c r="AJ14" s="88"/>
      <c r="AK14" s="88"/>
      <c r="AL14" s="88"/>
      <c r="AM14" s="87"/>
      <c r="AN14" s="87"/>
      <c r="AO14" s="87"/>
      <c r="AP14" s="87"/>
      <c r="AQ14" s="88"/>
      <c r="AR14" s="88"/>
      <c r="AS14" s="88"/>
      <c r="AT14" s="88"/>
      <c r="AU14" s="65"/>
      <c r="AV14" s="65"/>
      <c r="AW14" s="65"/>
      <c r="AX14" s="65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88"/>
      <c r="BP14" s="88"/>
      <c r="BQ14" s="88"/>
      <c r="BR14" s="2"/>
    </row>
    <row r="15" spans="1:70" s="1" customFormat="1" ht="21.75" customHeight="1" x14ac:dyDescent="0.2">
      <c r="A15" s="197"/>
      <c r="B15" s="198"/>
      <c r="C15" s="201"/>
      <c r="D15" s="201"/>
      <c r="E15" s="202"/>
      <c r="F15" s="206"/>
      <c r="G15" s="207"/>
      <c r="H15" s="207"/>
      <c r="I15" s="207"/>
      <c r="J15" s="208"/>
      <c r="K15" s="206"/>
      <c r="L15" s="207"/>
      <c r="M15" s="207"/>
      <c r="N15" s="208"/>
      <c r="O15" s="147"/>
      <c r="P15" s="148"/>
      <c r="Q15" s="209" t="s">
        <v>
47</v>
      </c>
      <c r="R15" s="210"/>
      <c r="S15" s="210"/>
      <c r="T15" s="210"/>
      <c r="U15" s="211"/>
      <c r="V15" s="212">
        <v>
3360910</v>
      </c>
      <c r="W15" s="213"/>
      <c r="X15" s="213"/>
      <c r="Y15" s="213"/>
      <c r="Z15" s="4" t="s">
        <v>
21</v>
      </c>
      <c r="AB15" s="65"/>
      <c r="AC15" s="65"/>
      <c r="AD15" s="65"/>
      <c r="AE15" s="87"/>
      <c r="AF15" s="87"/>
      <c r="AG15" s="87"/>
      <c r="AH15" s="87"/>
      <c r="AI15" s="88"/>
      <c r="AJ15" s="88"/>
      <c r="AK15" s="88"/>
      <c r="AL15" s="88"/>
      <c r="AM15" s="87"/>
      <c r="AN15" s="87"/>
      <c r="AO15" s="87"/>
      <c r="AP15" s="87"/>
      <c r="AQ15" s="88"/>
      <c r="AR15" s="88"/>
      <c r="AS15" s="88"/>
      <c r="AT15" s="88"/>
      <c r="AU15" s="65"/>
      <c r="AV15" s="65"/>
      <c r="AW15" s="65"/>
      <c r="AX15" s="65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88"/>
      <c r="BP15" s="88"/>
      <c r="BQ15" s="88"/>
      <c r="BR15" s="2"/>
    </row>
    <row r="16" spans="1:70" s="1" customFormat="1" ht="22.5" customHeight="1" x14ac:dyDescent="0.2">
      <c r="A16" s="195" t="s">
        <v>
48</v>
      </c>
      <c r="B16" s="196"/>
      <c r="C16" s="167" t="s">
        <v>
49</v>
      </c>
      <c r="D16" s="199"/>
      <c r="E16" s="200"/>
      <c r="F16" s="203">
        <v>
652304</v>
      </c>
      <c r="G16" s="204"/>
      <c r="H16" s="204"/>
      <c r="I16" s="204"/>
      <c r="J16" s="205"/>
      <c r="K16" s="203">
        <v>
578639</v>
      </c>
      <c r="L16" s="204"/>
      <c r="M16" s="204"/>
      <c r="N16" s="205"/>
      <c r="O16" s="147"/>
      <c r="P16" s="148"/>
      <c r="Q16" s="214" t="s">
        <v>
50</v>
      </c>
      <c r="R16" s="224"/>
      <c r="S16" s="224"/>
      <c r="T16" s="224"/>
      <c r="U16" s="225"/>
      <c r="V16" s="231">
        <v>
5901954</v>
      </c>
      <c r="W16" s="232"/>
      <c r="X16" s="232"/>
      <c r="Y16" s="232"/>
      <c r="Z16" s="103" t="s">
        <v>
21</v>
      </c>
      <c r="AB16" s="15"/>
      <c r="AC16" s="94"/>
      <c r="AD16" s="94"/>
      <c r="AE16" s="87"/>
      <c r="AF16" s="87"/>
      <c r="AG16" s="87"/>
      <c r="AH16" s="87"/>
      <c r="AI16" s="88"/>
      <c r="AJ16" s="88"/>
      <c r="AK16" s="88"/>
      <c r="AL16" s="88"/>
      <c r="AM16" s="87"/>
      <c r="AN16" s="87"/>
      <c r="AO16" s="87"/>
      <c r="AP16" s="87"/>
      <c r="AQ16" s="88"/>
      <c r="AR16" s="88"/>
      <c r="AS16" s="88"/>
      <c r="AT16" s="88"/>
      <c r="AU16" s="65"/>
      <c r="AV16" s="65"/>
      <c r="AW16" s="65"/>
      <c r="AX16" s="65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88"/>
      <c r="BP16" s="88"/>
      <c r="BQ16" s="88"/>
      <c r="BR16" s="2"/>
    </row>
    <row r="17" spans="1:70" s="1" customFormat="1" ht="11.25" customHeight="1" x14ac:dyDescent="0.2">
      <c r="A17" s="197"/>
      <c r="B17" s="198"/>
      <c r="C17" s="201"/>
      <c r="D17" s="201"/>
      <c r="E17" s="202"/>
      <c r="F17" s="206"/>
      <c r="G17" s="207"/>
      <c r="H17" s="207"/>
      <c r="I17" s="207"/>
      <c r="J17" s="208"/>
      <c r="K17" s="206"/>
      <c r="L17" s="207"/>
      <c r="M17" s="207"/>
      <c r="N17" s="208"/>
      <c r="O17" s="147"/>
      <c r="P17" s="148"/>
      <c r="Q17" s="503"/>
      <c r="R17" s="504"/>
      <c r="S17" s="504"/>
      <c r="T17" s="504"/>
      <c r="U17" s="505"/>
      <c r="V17" s="233" t="s">
        <v>
51</v>
      </c>
      <c r="W17" s="506"/>
      <c r="X17" s="234">
        <v>
2272857</v>
      </c>
      <c r="Y17" s="234"/>
      <c r="Z17" s="223" t="s">
        <v>
35</v>
      </c>
      <c r="AB17" s="15"/>
      <c r="AC17" s="94"/>
      <c r="AD17" s="94"/>
      <c r="AE17" s="87"/>
      <c r="AF17" s="87"/>
      <c r="AG17" s="87"/>
      <c r="AH17" s="87"/>
      <c r="AI17" s="88"/>
      <c r="AJ17" s="88"/>
      <c r="AK17" s="88"/>
      <c r="AL17" s="88"/>
      <c r="AM17" s="87"/>
      <c r="AN17" s="87"/>
      <c r="AO17" s="87"/>
      <c r="AP17" s="87"/>
      <c r="AQ17" s="88"/>
      <c r="AR17" s="88"/>
      <c r="AS17" s="88"/>
      <c r="AT17" s="88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88"/>
      <c r="BP17" s="88"/>
      <c r="BQ17" s="88"/>
      <c r="BR17" s="2"/>
    </row>
    <row r="18" spans="1:70" s="1" customFormat="1" ht="11.25" customHeight="1" x14ac:dyDescent="0.2">
      <c r="A18" s="195" t="s">
        <v>
52</v>
      </c>
      <c r="B18" s="196"/>
      <c r="C18" s="167" t="s">
        <v>
53</v>
      </c>
      <c r="D18" s="199"/>
      <c r="E18" s="200"/>
      <c r="F18" s="203">
        <v>
48944</v>
      </c>
      <c r="G18" s="204"/>
      <c r="H18" s="204"/>
      <c r="I18" s="204"/>
      <c r="J18" s="205"/>
      <c r="K18" s="203">
        <v>
34052</v>
      </c>
      <c r="L18" s="204"/>
      <c r="M18" s="204"/>
      <c r="N18" s="205"/>
      <c r="O18" s="147"/>
      <c r="P18" s="148"/>
      <c r="Q18" s="507"/>
      <c r="R18" s="508"/>
      <c r="S18" s="508"/>
      <c r="T18" s="508"/>
      <c r="U18" s="509"/>
      <c r="V18" s="510"/>
      <c r="W18" s="511"/>
      <c r="X18" s="512"/>
      <c r="Y18" s="512"/>
      <c r="Z18" s="513"/>
      <c r="AB18" s="15"/>
      <c r="AC18" s="94"/>
      <c r="AD18" s="94"/>
      <c r="AE18" s="87"/>
      <c r="AF18" s="87"/>
      <c r="AG18" s="87"/>
      <c r="AH18" s="87"/>
      <c r="AI18" s="88"/>
      <c r="AJ18" s="88"/>
      <c r="AK18" s="88"/>
      <c r="AL18" s="88"/>
      <c r="AM18" s="87"/>
      <c r="AN18" s="87"/>
      <c r="AO18" s="87"/>
      <c r="AP18" s="87"/>
      <c r="AQ18" s="88"/>
      <c r="AR18" s="88"/>
      <c r="AS18" s="88"/>
      <c r="AT18" s="88"/>
      <c r="AU18" s="65"/>
      <c r="AV18" s="65"/>
      <c r="AW18" s="65"/>
      <c r="AX18" s="65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88"/>
      <c r="BP18" s="88"/>
      <c r="BQ18" s="88"/>
      <c r="BR18" s="2"/>
    </row>
    <row r="19" spans="1:70" s="1" customFormat="1" ht="21.75" customHeight="1" x14ac:dyDescent="0.2">
      <c r="A19" s="197"/>
      <c r="B19" s="198"/>
      <c r="C19" s="201"/>
      <c r="D19" s="201"/>
      <c r="E19" s="202"/>
      <c r="F19" s="206"/>
      <c r="G19" s="207"/>
      <c r="H19" s="207"/>
      <c r="I19" s="207"/>
      <c r="J19" s="208"/>
      <c r="K19" s="206"/>
      <c r="L19" s="207"/>
      <c r="M19" s="207"/>
      <c r="N19" s="208"/>
      <c r="O19" s="147"/>
      <c r="P19" s="148"/>
      <c r="Q19" s="214" t="s">
        <v>
54</v>
      </c>
      <c r="R19" s="224"/>
      <c r="S19" s="224"/>
      <c r="T19" s="224"/>
      <c r="U19" s="225"/>
      <c r="V19" s="219">
        <v>
11060118</v>
      </c>
      <c r="W19" s="220"/>
      <c r="X19" s="220"/>
      <c r="Y19" s="220"/>
      <c r="Z19" s="194" t="s">
        <v>
21</v>
      </c>
      <c r="AB19" s="13"/>
      <c r="AC19" s="13"/>
      <c r="AD19" s="13"/>
      <c r="AE19" s="87"/>
      <c r="AF19" s="87"/>
      <c r="AG19" s="87"/>
      <c r="AH19" s="87"/>
      <c r="AI19" s="88"/>
      <c r="AJ19" s="88"/>
      <c r="AK19" s="88"/>
      <c r="AL19" s="88"/>
      <c r="AM19" s="87"/>
      <c r="AN19" s="87"/>
      <c r="AO19" s="87"/>
      <c r="AP19" s="87"/>
      <c r="AQ19" s="88"/>
      <c r="AR19" s="88"/>
      <c r="AS19" s="88"/>
      <c r="AT19" s="88"/>
      <c r="AU19" s="65"/>
      <c r="AV19" s="65"/>
      <c r="AW19" s="65"/>
      <c r="AX19" s="65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195" t="s">
        <v>
55</v>
      </c>
      <c r="B20" s="196"/>
      <c r="C20" s="167" t="s">
        <v>
56</v>
      </c>
      <c r="D20" s="167"/>
      <c r="E20" s="228"/>
      <c r="F20" s="203">
        <v>
603360</v>
      </c>
      <c r="G20" s="235"/>
      <c r="H20" s="235"/>
      <c r="I20" s="235"/>
      <c r="J20" s="236"/>
      <c r="K20" s="203">
        <v>
544587</v>
      </c>
      <c r="L20" s="235"/>
      <c r="M20" s="235"/>
      <c r="N20" s="236"/>
      <c r="O20" s="147"/>
      <c r="P20" s="148"/>
      <c r="Q20" s="503"/>
      <c r="R20" s="504"/>
      <c r="S20" s="504"/>
      <c r="T20" s="504"/>
      <c r="U20" s="505"/>
      <c r="V20" s="221"/>
      <c r="W20" s="222"/>
      <c r="X20" s="222"/>
      <c r="Y20" s="222"/>
      <c r="Z20" s="144"/>
      <c r="AB20" s="14"/>
      <c r="AC20" s="14"/>
      <c r="AD20" s="14"/>
      <c r="AE20" s="16"/>
      <c r="AF20" s="514"/>
      <c r="AG20" s="514"/>
      <c r="AH20" s="514"/>
      <c r="AI20" s="88"/>
      <c r="AJ20" s="88"/>
      <c r="AK20" s="88"/>
      <c r="AL20" s="88"/>
      <c r="AM20" s="87"/>
      <c r="AN20" s="87"/>
      <c r="AO20" s="87"/>
      <c r="AP20" s="87"/>
      <c r="AQ20" s="88"/>
      <c r="AR20" s="88"/>
      <c r="AS20" s="88"/>
      <c r="AT20" s="88"/>
      <c r="AU20" s="65"/>
      <c r="AV20" s="65"/>
      <c r="AW20" s="65"/>
      <c r="AX20" s="65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3"/>
      <c r="BJ20" s="83"/>
      <c r="BK20" s="83"/>
      <c r="BL20" s="83"/>
      <c r="BM20" s="83"/>
      <c r="BN20" s="83"/>
      <c r="BO20" s="83"/>
      <c r="BP20" s="83"/>
      <c r="BQ20" s="83"/>
      <c r="BR20" s="2"/>
    </row>
    <row r="21" spans="1:70" s="1" customFormat="1" ht="22.5" customHeight="1" x14ac:dyDescent="0.2">
      <c r="A21" s="226"/>
      <c r="B21" s="227"/>
      <c r="C21" s="229"/>
      <c r="D21" s="229"/>
      <c r="E21" s="230"/>
      <c r="F21" s="237"/>
      <c r="G21" s="238"/>
      <c r="H21" s="238"/>
      <c r="I21" s="238"/>
      <c r="J21" s="239"/>
      <c r="K21" s="237"/>
      <c r="L21" s="238"/>
      <c r="M21" s="238"/>
      <c r="N21" s="239"/>
      <c r="O21" s="147"/>
      <c r="P21" s="148"/>
      <c r="Q21" s="114" t="s">
        <v>
57</v>
      </c>
      <c r="R21" s="128"/>
      <c r="S21" s="128"/>
      <c r="T21" s="128"/>
      <c r="U21" s="129"/>
      <c r="V21" s="151">
        <v>
1024897</v>
      </c>
      <c r="W21" s="152"/>
      <c r="X21" s="152"/>
      <c r="Y21" s="152"/>
      <c r="Z21" s="4" t="s">
        <v>
21</v>
      </c>
      <c r="AB21" s="94"/>
      <c r="AC21" s="94"/>
      <c r="AD21" s="94"/>
      <c r="AE21" s="87"/>
      <c r="AF21" s="87"/>
      <c r="AG21" s="87"/>
      <c r="AH21" s="87"/>
      <c r="AI21" s="88"/>
      <c r="AJ21" s="88"/>
      <c r="AK21" s="88"/>
      <c r="AL21" s="88"/>
      <c r="AM21" s="87"/>
      <c r="AN21" s="87"/>
      <c r="AO21" s="87"/>
      <c r="AP21" s="87"/>
      <c r="AQ21" s="88"/>
      <c r="AR21" s="88"/>
      <c r="AS21" s="88"/>
      <c r="AT21" s="88"/>
      <c r="AU21" s="65"/>
      <c r="AV21" s="94"/>
      <c r="AW21" s="94"/>
      <c r="AX21" s="94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195" t="s">
        <v>
58</v>
      </c>
      <c r="B22" s="196"/>
      <c r="C22" s="167" t="s">
        <v>
59</v>
      </c>
      <c r="D22" s="167"/>
      <c r="E22" s="228"/>
      <c r="F22" s="241">
        <v>
58773</v>
      </c>
      <c r="G22" s="242"/>
      <c r="H22" s="242"/>
      <c r="I22" s="242"/>
      <c r="J22" s="243"/>
      <c r="K22" s="241">
        <v>
-25095</v>
      </c>
      <c r="L22" s="242"/>
      <c r="M22" s="242"/>
      <c r="N22" s="243"/>
      <c r="O22" s="147"/>
      <c r="P22" s="148"/>
      <c r="Q22" s="114" t="s">
        <v>
60</v>
      </c>
      <c r="R22" s="128"/>
      <c r="S22" s="128"/>
      <c r="T22" s="128"/>
      <c r="U22" s="129"/>
      <c r="V22" s="151">
        <v>
0</v>
      </c>
      <c r="W22" s="152"/>
      <c r="X22" s="152"/>
      <c r="Y22" s="152"/>
      <c r="Z22" s="4" t="s">
        <v>
61</v>
      </c>
      <c r="AB22" s="65"/>
      <c r="AC22" s="65"/>
      <c r="AD22" s="65"/>
      <c r="AE22" s="87"/>
      <c r="AF22" s="87"/>
      <c r="AG22" s="87"/>
      <c r="AH22" s="87"/>
      <c r="AI22" s="88"/>
      <c r="AJ22" s="88"/>
      <c r="AK22" s="88"/>
      <c r="AL22" s="88"/>
      <c r="AM22" s="87"/>
      <c r="AN22" s="87"/>
      <c r="AO22" s="87"/>
      <c r="AP22" s="87"/>
      <c r="AQ22" s="88"/>
      <c r="AR22" s="88"/>
      <c r="AS22" s="88"/>
      <c r="AT22" s="88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96"/>
      <c r="BQ22" s="96"/>
      <c r="BR22" s="2"/>
    </row>
    <row r="23" spans="1:70" s="1" customFormat="1" ht="11.25" customHeight="1" x14ac:dyDescent="0.2">
      <c r="A23" s="197"/>
      <c r="B23" s="198"/>
      <c r="C23" s="169"/>
      <c r="D23" s="169"/>
      <c r="E23" s="240"/>
      <c r="F23" s="244"/>
      <c r="G23" s="245"/>
      <c r="H23" s="245"/>
      <c r="I23" s="245"/>
      <c r="J23" s="246"/>
      <c r="K23" s="244"/>
      <c r="L23" s="245"/>
      <c r="M23" s="245"/>
      <c r="N23" s="246"/>
      <c r="O23" s="147"/>
      <c r="P23" s="148"/>
      <c r="Q23" s="187" t="s">
        <v>
62</v>
      </c>
      <c r="R23" s="515"/>
      <c r="S23" s="515"/>
      <c r="T23" s="515"/>
      <c r="U23" s="515"/>
      <c r="V23" s="515"/>
      <c r="W23" s="515"/>
      <c r="X23" s="515"/>
      <c r="Y23" s="515"/>
      <c r="Z23" s="516"/>
      <c r="AB23" s="65"/>
      <c r="AC23" s="65"/>
      <c r="AD23" s="65"/>
      <c r="AE23" s="87"/>
      <c r="AF23" s="87"/>
      <c r="AG23" s="87"/>
      <c r="AH23" s="87"/>
      <c r="AI23" s="88"/>
      <c r="AJ23" s="88"/>
      <c r="AK23" s="88"/>
      <c r="AL23" s="88"/>
      <c r="AM23" s="87"/>
      <c r="AN23" s="87"/>
      <c r="AO23" s="87"/>
      <c r="AP23" s="87"/>
      <c r="AQ23" s="88"/>
      <c r="AR23" s="88"/>
      <c r="AS23" s="88"/>
      <c r="AT23" s="88"/>
      <c r="AU23" s="17"/>
      <c r="AV23" s="17"/>
      <c r="AW23" s="13"/>
      <c r="AX23" s="94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195" t="s">
        <v>
63</v>
      </c>
      <c r="B24" s="196"/>
      <c r="C24" s="167" t="s">
        <v>
64</v>
      </c>
      <c r="D24" s="167"/>
      <c r="E24" s="228"/>
      <c r="F24" s="241">
        <v>
279710</v>
      </c>
      <c r="G24" s="242"/>
      <c r="H24" s="242"/>
      <c r="I24" s="242"/>
      <c r="J24" s="243"/>
      <c r="K24" s="241">
        <v>
337825</v>
      </c>
      <c r="L24" s="242"/>
      <c r="M24" s="242"/>
      <c r="N24" s="243"/>
      <c r="O24" s="147"/>
      <c r="P24" s="148"/>
      <c r="Q24" s="503"/>
      <c r="R24" s="517"/>
      <c r="S24" s="517"/>
      <c r="T24" s="517"/>
      <c r="U24" s="517"/>
      <c r="V24" s="517"/>
      <c r="W24" s="517"/>
      <c r="X24" s="517"/>
      <c r="Y24" s="517"/>
      <c r="Z24" s="505"/>
      <c r="AB24" s="65"/>
      <c r="AC24" s="65"/>
      <c r="AD24" s="65"/>
      <c r="AE24" s="87"/>
      <c r="AF24" s="87"/>
      <c r="AG24" s="87"/>
      <c r="AH24" s="87"/>
      <c r="AI24" s="88"/>
      <c r="AJ24" s="88"/>
      <c r="AK24" s="88"/>
      <c r="AL24" s="88"/>
      <c r="AM24" s="87"/>
      <c r="AN24" s="87"/>
      <c r="AO24" s="87"/>
      <c r="AP24" s="87"/>
      <c r="AQ24" s="88"/>
      <c r="AR24" s="88"/>
      <c r="AS24" s="88"/>
      <c r="AT24" s="88"/>
      <c r="AU24" s="17"/>
      <c r="AV24" s="17"/>
      <c r="AW24" s="13"/>
      <c r="AX24" s="94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89"/>
      <c r="BJ24" s="89"/>
      <c r="BK24" s="89"/>
      <c r="BL24" s="89"/>
      <c r="BM24" s="89"/>
      <c r="BN24" s="89"/>
      <c r="BO24" s="89"/>
      <c r="BP24" s="89"/>
      <c r="BQ24" s="89"/>
      <c r="BR24" s="2"/>
    </row>
    <row r="25" spans="1:70" s="1" customFormat="1" ht="18" customHeight="1" x14ac:dyDescent="0.2">
      <c r="A25" s="197"/>
      <c r="B25" s="198"/>
      <c r="C25" s="169"/>
      <c r="D25" s="169"/>
      <c r="E25" s="240"/>
      <c r="F25" s="244"/>
      <c r="G25" s="245"/>
      <c r="H25" s="245"/>
      <c r="I25" s="245"/>
      <c r="J25" s="246"/>
      <c r="K25" s="244"/>
      <c r="L25" s="245"/>
      <c r="M25" s="245"/>
      <c r="N25" s="246"/>
      <c r="O25" s="147"/>
      <c r="P25" s="148"/>
      <c r="Q25" s="507"/>
      <c r="R25" s="508"/>
      <c r="S25" s="508"/>
      <c r="T25" s="508"/>
      <c r="U25" s="508"/>
      <c r="V25" s="508"/>
      <c r="W25" s="508"/>
      <c r="X25" s="508"/>
      <c r="Y25" s="508"/>
      <c r="Z25" s="509"/>
      <c r="AB25" s="65"/>
      <c r="AC25" s="65"/>
      <c r="AD25" s="65"/>
      <c r="AE25" s="87"/>
      <c r="AF25" s="87"/>
      <c r="AG25" s="87"/>
      <c r="AH25" s="87"/>
      <c r="AI25" s="88"/>
      <c r="AJ25" s="88"/>
      <c r="AK25" s="88"/>
      <c r="AL25" s="88"/>
      <c r="AM25" s="87"/>
      <c r="AN25" s="87"/>
      <c r="AO25" s="87"/>
      <c r="AP25" s="87"/>
      <c r="AQ25" s="88"/>
      <c r="AR25" s="88"/>
      <c r="AS25" s="88"/>
      <c r="AT25" s="88"/>
      <c r="AU25" s="17"/>
      <c r="AV25" s="17"/>
      <c r="AW25" s="13"/>
      <c r="AX25" s="94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87"/>
      <c r="BJ25" s="87"/>
      <c r="BK25" s="87"/>
      <c r="BL25" s="87"/>
      <c r="BM25" s="87"/>
      <c r="BN25" s="87"/>
      <c r="BO25" s="87"/>
      <c r="BP25" s="94"/>
      <c r="BQ25" s="94"/>
      <c r="BR25" s="2"/>
    </row>
    <row r="26" spans="1:70" s="1" customFormat="1" ht="11.25" customHeight="1" x14ac:dyDescent="0.2">
      <c r="A26" s="195" t="s">
        <v>
65</v>
      </c>
      <c r="B26" s="196"/>
      <c r="C26" s="167" t="s">
        <v>
66</v>
      </c>
      <c r="D26" s="167"/>
      <c r="E26" s="228"/>
      <c r="F26" s="241">
        <v>
0</v>
      </c>
      <c r="G26" s="242"/>
      <c r="H26" s="242"/>
      <c r="I26" s="242"/>
      <c r="J26" s="243"/>
      <c r="K26" s="241">
        <v>
135269</v>
      </c>
      <c r="L26" s="242"/>
      <c r="M26" s="242"/>
      <c r="N26" s="243"/>
      <c r="O26" s="147"/>
      <c r="P26" s="148"/>
      <c r="Q26" s="159" t="s">
        <v>
67</v>
      </c>
      <c r="R26" s="160"/>
      <c r="S26" s="160"/>
      <c r="T26" s="160"/>
      <c r="U26" s="215"/>
      <c r="V26" s="247" t="s">
        <v>
68</v>
      </c>
      <c r="W26" s="248"/>
      <c r="X26" s="248"/>
      <c r="Y26" s="251">
        <v>
12.75</v>
      </c>
      <c r="Z26" s="194" t="s">
        <v>
23</v>
      </c>
      <c r="AB26" s="65"/>
      <c r="AC26" s="65"/>
      <c r="AD26" s="65"/>
      <c r="AE26" s="87"/>
      <c r="AF26" s="87"/>
      <c r="AG26" s="87"/>
      <c r="AH26" s="87"/>
      <c r="AI26" s="88"/>
      <c r="AJ26" s="88"/>
      <c r="AK26" s="88"/>
      <c r="AL26" s="88"/>
      <c r="AM26" s="87"/>
      <c r="AN26" s="87"/>
      <c r="AO26" s="87"/>
      <c r="AP26" s="87"/>
      <c r="AQ26" s="88"/>
      <c r="AR26" s="88"/>
      <c r="AS26" s="88"/>
      <c r="AT26" s="88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87"/>
      <c r="BJ26" s="87"/>
      <c r="BK26" s="87"/>
      <c r="BL26" s="87"/>
      <c r="BM26" s="87"/>
      <c r="BN26" s="87"/>
      <c r="BO26" s="87"/>
      <c r="BP26" s="94"/>
      <c r="BQ26" s="94"/>
      <c r="BR26" s="2"/>
    </row>
    <row r="27" spans="1:70" s="1" customFormat="1" ht="11.25" customHeight="1" x14ac:dyDescent="0.2">
      <c r="A27" s="226"/>
      <c r="B27" s="227"/>
      <c r="C27" s="229"/>
      <c r="D27" s="229"/>
      <c r="E27" s="230"/>
      <c r="F27" s="253"/>
      <c r="G27" s="254"/>
      <c r="H27" s="254"/>
      <c r="I27" s="254"/>
      <c r="J27" s="255"/>
      <c r="K27" s="253"/>
      <c r="L27" s="254"/>
      <c r="M27" s="254"/>
      <c r="N27" s="255"/>
      <c r="O27" s="147"/>
      <c r="P27" s="148"/>
      <c r="Q27" s="216"/>
      <c r="R27" s="217"/>
      <c r="S27" s="217"/>
      <c r="T27" s="217"/>
      <c r="U27" s="218"/>
      <c r="V27" s="249"/>
      <c r="W27" s="250"/>
      <c r="X27" s="250"/>
      <c r="Y27" s="252"/>
      <c r="Z27" s="144"/>
      <c r="AB27" s="65"/>
      <c r="AC27" s="65"/>
      <c r="AD27" s="65"/>
      <c r="AE27" s="87"/>
      <c r="AF27" s="87"/>
      <c r="AG27" s="87"/>
      <c r="AH27" s="87"/>
      <c r="AI27" s="88"/>
      <c r="AJ27" s="88"/>
      <c r="AK27" s="88"/>
      <c r="AL27" s="88"/>
      <c r="AM27" s="87"/>
      <c r="AN27" s="87"/>
      <c r="AO27" s="87"/>
      <c r="AP27" s="87"/>
      <c r="AQ27" s="88"/>
      <c r="AR27" s="88"/>
      <c r="AS27" s="88"/>
      <c r="AT27" s="88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2"/>
      <c r="BJ27" s="92"/>
      <c r="BK27" s="92"/>
      <c r="BL27" s="92"/>
      <c r="BM27" s="92"/>
      <c r="BN27" s="92"/>
      <c r="BO27" s="92"/>
      <c r="BP27" s="92"/>
      <c r="BQ27" s="92"/>
      <c r="BR27" s="2"/>
    </row>
    <row r="28" spans="1:70" s="1" customFormat="1" ht="10.5" customHeight="1" x14ac:dyDescent="0.2">
      <c r="A28" s="197"/>
      <c r="B28" s="198"/>
      <c r="C28" s="169"/>
      <c r="D28" s="169"/>
      <c r="E28" s="240"/>
      <c r="F28" s="244"/>
      <c r="G28" s="245"/>
      <c r="H28" s="245"/>
      <c r="I28" s="245"/>
      <c r="J28" s="246"/>
      <c r="K28" s="244"/>
      <c r="L28" s="245"/>
      <c r="M28" s="245"/>
      <c r="N28" s="246"/>
      <c r="O28" s="147"/>
      <c r="P28" s="148"/>
      <c r="Q28" s="159" t="s">
        <v>
69</v>
      </c>
      <c r="R28" s="160"/>
      <c r="S28" s="160"/>
      <c r="T28" s="160"/>
      <c r="U28" s="215"/>
      <c r="V28" s="247" t="s">
        <v>
68</v>
      </c>
      <c r="W28" s="248"/>
      <c r="X28" s="248"/>
      <c r="Y28" s="251">
        <v>
17.75</v>
      </c>
      <c r="Z28" s="194" t="s">
        <v>
23</v>
      </c>
      <c r="AB28" s="65"/>
      <c r="AC28" s="65"/>
      <c r="AD28" s="65"/>
      <c r="AE28" s="87"/>
      <c r="AF28" s="87"/>
      <c r="AG28" s="87"/>
      <c r="AH28" s="87"/>
      <c r="AI28" s="88"/>
      <c r="AJ28" s="88"/>
      <c r="AK28" s="88"/>
      <c r="AL28" s="88"/>
      <c r="AM28" s="87"/>
      <c r="AN28" s="87"/>
      <c r="AO28" s="87"/>
      <c r="AP28" s="87"/>
      <c r="AQ28" s="88"/>
      <c r="AR28" s="88"/>
      <c r="AS28" s="88"/>
      <c r="AT28" s="88"/>
      <c r="AU28" s="94"/>
      <c r="AV28" s="94"/>
      <c r="AW28" s="94"/>
      <c r="AX28" s="94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2"/>
      <c r="BJ28" s="92"/>
      <c r="BK28" s="92"/>
      <c r="BL28" s="92"/>
      <c r="BM28" s="92"/>
      <c r="BN28" s="92"/>
      <c r="BO28" s="92"/>
      <c r="BP28" s="92"/>
      <c r="BQ28" s="92"/>
      <c r="BR28" s="2"/>
    </row>
    <row r="29" spans="1:70" s="1" customFormat="1" ht="11.25" customHeight="1" x14ac:dyDescent="0.2">
      <c r="A29" s="195" t="s">
        <v>
70</v>
      </c>
      <c r="B29" s="196"/>
      <c r="C29" s="167" t="s">
        <v>
71</v>
      </c>
      <c r="D29" s="167"/>
      <c r="E29" s="228"/>
      <c r="F29" s="263">
        <v>
280000</v>
      </c>
      <c r="G29" s="265"/>
      <c r="H29" s="265"/>
      <c r="I29" s="265"/>
      <c r="J29" s="266"/>
      <c r="K29" s="263">
        <v>
0</v>
      </c>
      <c r="L29" s="265"/>
      <c r="M29" s="265"/>
      <c r="N29" s="266"/>
      <c r="O29" s="147"/>
      <c r="P29" s="148"/>
      <c r="Q29" s="216"/>
      <c r="R29" s="217"/>
      <c r="S29" s="217"/>
      <c r="T29" s="217"/>
      <c r="U29" s="218"/>
      <c r="V29" s="249"/>
      <c r="W29" s="250"/>
      <c r="X29" s="250"/>
      <c r="Y29" s="252"/>
      <c r="Z29" s="144"/>
      <c r="AB29" s="65"/>
      <c r="AC29" s="65"/>
      <c r="AD29" s="65"/>
      <c r="AE29" s="87"/>
      <c r="AF29" s="87"/>
      <c r="AG29" s="87"/>
      <c r="AH29" s="87"/>
      <c r="AI29" s="88"/>
      <c r="AJ29" s="88"/>
      <c r="AK29" s="88"/>
      <c r="AL29" s="88"/>
      <c r="AM29" s="87"/>
      <c r="AN29" s="87"/>
      <c r="AO29" s="87"/>
      <c r="AP29" s="87"/>
      <c r="AQ29" s="88"/>
      <c r="AR29" s="88"/>
      <c r="AS29" s="88"/>
      <c r="AT29" s="88"/>
      <c r="AU29" s="94"/>
      <c r="AV29" s="94"/>
      <c r="AW29" s="94"/>
      <c r="AX29" s="94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2"/>
      <c r="BJ29" s="92"/>
      <c r="BK29" s="92"/>
      <c r="BL29" s="92"/>
      <c r="BM29" s="92"/>
      <c r="BN29" s="92"/>
      <c r="BO29" s="92"/>
      <c r="BP29" s="92"/>
      <c r="BQ29" s="92"/>
      <c r="BR29" s="2"/>
    </row>
    <row r="30" spans="1:70" s="1" customFormat="1" ht="11.25" customHeight="1" x14ac:dyDescent="0.2">
      <c r="A30" s="258"/>
      <c r="B30" s="227"/>
      <c r="C30" s="229"/>
      <c r="D30" s="229"/>
      <c r="E30" s="230"/>
      <c r="F30" s="264"/>
      <c r="G30" s="267"/>
      <c r="H30" s="267"/>
      <c r="I30" s="267"/>
      <c r="J30" s="268"/>
      <c r="K30" s="264"/>
      <c r="L30" s="267"/>
      <c r="M30" s="267"/>
      <c r="N30" s="268"/>
      <c r="O30" s="147"/>
      <c r="P30" s="148"/>
      <c r="Q30" s="159" t="s">
        <v>
72</v>
      </c>
      <c r="R30" s="160"/>
      <c r="S30" s="160"/>
      <c r="T30" s="160"/>
      <c r="U30" s="215"/>
      <c r="V30" s="272">
        <v>
-0.8</v>
      </c>
      <c r="W30" s="273"/>
      <c r="X30" s="273"/>
      <c r="Y30" s="256">
        <v>
25</v>
      </c>
      <c r="Z30" s="194" t="s">
        <v>
23</v>
      </c>
      <c r="AB30" s="65"/>
      <c r="AC30" s="65"/>
      <c r="AD30" s="65"/>
      <c r="AE30" s="87"/>
      <c r="AF30" s="87"/>
      <c r="AG30" s="87"/>
      <c r="AH30" s="87"/>
      <c r="AI30" s="88"/>
      <c r="AJ30" s="88"/>
      <c r="AK30" s="88"/>
      <c r="AL30" s="88"/>
      <c r="AM30" s="87"/>
      <c r="AN30" s="87"/>
      <c r="AO30" s="87"/>
      <c r="AP30" s="87"/>
      <c r="AQ30" s="88"/>
      <c r="AR30" s="88"/>
      <c r="AS30" s="88"/>
      <c r="AT30" s="88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2"/>
      <c r="BJ30" s="92"/>
      <c r="BK30" s="92"/>
      <c r="BL30" s="92"/>
      <c r="BM30" s="92"/>
      <c r="BN30" s="92"/>
      <c r="BO30" s="92"/>
      <c r="BP30" s="92"/>
      <c r="BQ30" s="92"/>
      <c r="BR30" s="2"/>
    </row>
    <row r="31" spans="1:70" s="1" customFormat="1" ht="10.5" customHeight="1" x14ac:dyDescent="0.2">
      <c r="A31" s="197"/>
      <c r="B31" s="198"/>
      <c r="C31" s="169"/>
      <c r="D31" s="169"/>
      <c r="E31" s="240"/>
      <c r="F31" s="269"/>
      <c r="G31" s="270"/>
      <c r="H31" s="270"/>
      <c r="I31" s="270"/>
      <c r="J31" s="271"/>
      <c r="K31" s="269"/>
      <c r="L31" s="270"/>
      <c r="M31" s="270"/>
      <c r="N31" s="271"/>
      <c r="O31" s="147"/>
      <c r="P31" s="148"/>
      <c r="Q31" s="216"/>
      <c r="R31" s="217"/>
      <c r="S31" s="217"/>
      <c r="T31" s="217"/>
      <c r="U31" s="218"/>
      <c r="V31" s="274"/>
      <c r="W31" s="275"/>
      <c r="X31" s="275"/>
      <c r="Y31" s="257"/>
      <c r="Z31" s="144"/>
      <c r="AB31" s="65"/>
      <c r="AC31" s="65"/>
      <c r="AD31" s="65"/>
      <c r="AE31" s="87"/>
      <c r="AF31" s="87"/>
      <c r="AG31" s="87"/>
      <c r="AH31" s="87"/>
      <c r="AI31" s="88"/>
      <c r="AJ31" s="88"/>
      <c r="AK31" s="88"/>
      <c r="AL31" s="88"/>
      <c r="AM31" s="87"/>
      <c r="AN31" s="87"/>
      <c r="AO31" s="87"/>
      <c r="AP31" s="87"/>
      <c r="AQ31" s="88"/>
      <c r="AR31" s="88"/>
      <c r="AS31" s="88"/>
      <c r="AT31" s="88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86"/>
      <c r="BJ31" s="86"/>
      <c r="BK31" s="86"/>
      <c r="BL31" s="86"/>
      <c r="BM31" s="86"/>
      <c r="BN31" s="86"/>
      <c r="BO31" s="86"/>
      <c r="BP31" s="89"/>
      <c r="BQ31" s="89"/>
      <c r="BR31" s="2"/>
    </row>
    <row r="32" spans="1:70" s="1" customFormat="1" ht="11.25" customHeight="1" x14ac:dyDescent="0.2">
      <c r="A32" s="195" t="s">
        <v>
73</v>
      </c>
      <c r="B32" s="196"/>
      <c r="C32" s="167" t="s">
        <v>
74</v>
      </c>
      <c r="D32" s="199"/>
      <c r="E32" s="200"/>
      <c r="F32" s="203">
        <v>
58483</v>
      </c>
      <c r="G32" s="204"/>
      <c r="H32" s="204"/>
      <c r="I32" s="204"/>
      <c r="J32" s="205"/>
      <c r="K32" s="263">
        <v>
447999</v>
      </c>
      <c r="L32" s="204"/>
      <c r="M32" s="204"/>
      <c r="N32" s="205"/>
      <c r="O32" s="147"/>
      <c r="P32" s="148"/>
      <c r="Q32" s="159" t="s">
        <v>
75</v>
      </c>
      <c r="R32" s="160"/>
      <c r="S32" s="160"/>
      <c r="T32" s="160"/>
      <c r="U32" s="215"/>
      <c r="V32" s="247" t="s">
        <v>
68</v>
      </c>
      <c r="W32" s="248"/>
      <c r="X32" s="248"/>
      <c r="Y32" s="256">
        <v>
350</v>
      </c>
      <c r="Z32" s="194" t="s">
        <v>
23</v>
      </c>
      <c r="AB32" s="65"/>
      <c r="AC32" s="65"/>
      <c r="AD32" s="65"/>
      <c r="AE32" s="87"/>
      <c r="AF32" s="514"/>
      <c r="AG32" s="514"/>
      <c r="AH32" s="514"/>
      <c r="AI32" s="88"/>
      <c r="AJ32" s="88"/>
      <c r="AK32" s="88"/>
      <c r="AL32" s="88"/>
      <c r="AM32" s="87"/>
      <c r="AN32" s="87"/>
      <c r="AO32" s="87"/>
      <c r="AP32" s="87"/>
      <c r="AQ32" s="88"/>
      <c r="AR32" s="88"/>
      <c r="AS32" s="88"/>
      <c r="AT32" s="88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86"/>
      <c r="BJ32" s="86"/>
      <c r="BK32" s="86"/>
      <c r="BL32" s="86"/>
      <c r="BM32" s="86"/>
      <c r="BN32" s="86"/>
      <c r="BO32" s="86"/>
      <c r="BP32" s="86"/>
      <c r="BQ32" s="86"/>
      <c r="BR32" s="2"/>
    </row>
    <row r="33" spans="1:70" s="1" customFormat="1" ht="11.25" customHeight="1" x14ac:dyDescent="0.2">
      <c r="A33" s="258"/>
      <c r="B33" s="227"/>
      <c r="C33" s="229"/>
      <c r="D33" s="259"/>
      <c r="E33" s="260"/>
      <c r="F33" s="237"/>
      <c r="G33" s="261"/>
      <c r="H33" s="261"/>
      <c r="I33" s="261"/>
      <c r="J33" s="262"/>
      <c r="K33" s="264"/>
      <c r="L33" s="261"/>
      <c r="M33" s="261"/>
      <c r="N33" s="262"/>
      <c r="O33" s="147"/>
      <c r="P33" s="148"/>
      <c r="Q33" s="216"/>
      <c r="R33" s="217"/>
      <c r="S33" s="217"/>
      <c r="T33" s="217"/>
      <c r="U33" s="218"/>
      <c r="V33" s="249"/>
      <c r="W33" s="250"/>
      <c r="X33" s="250"/>
      <c r="Y33" s="257"/>
      <c r="Z33" s="144"/>
      <c r="AB33" s="19"/>
      <c r="AC33" s="19"/>
      <c r="AD33" s="19"/>
      <c r="AE33" s="87"/>
      <c r="AF33" s="87"/>
      <c r="AG33" s="87"/>
      <c r="AH33" s="87"/>
      <c r="AI33" s="88"/>
      <c r="AJ33" s="88"/>
      <c r="AK33" s="88"/>
      <c r="AL33" s="88"/>
      <c r="AM33" s="87"/>
      <c r="AN33" s="87"/>
      <c r="AO33" s="87"/>
      <c r="AP33" s="87"/>
      <c r="AQ33" s="88"/>
      <c r="AR33" s="88"/>
      <c r="AS33" s="88"/>
      <c r="AT33" s="88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3"/>
      <c r="BJ33" s="83"/>
      <c r="BK33" s="83"/>
      <c r="BL33" s="83"/>
      <c r="BM33" s="83"/>
      <c r="BN33" s="83"/>
      <c r="BO33" s="83"/>
      <c r="BP33" s="83"/>
      <c r="BQ33" s="83"/>
      <c r="BR33" s="2"/>
    </row>
    <row r="34" spans="1:70" s="1" customFormat="1" ht="10.5" customHeight="1" x14ac:dyDescent="0.2">
      <c r="A34" s="197"/>
      <c r="B34" s="198"/>
      <c r="C34" s="201"/>
      <c r="D34" s="201"/>
      <c r="E34" s="202"/>
      <c r="F34" s="206"/>
      <c r="G34" s="207"/>
      <c r="H34" s="207"/>
      <c r="I34" s="207"/>
      <c r="J34" s="208"/>
      <c r="K34" s="206"/>
      <c r="L34" s="207"/>
      <c r="M34" s="207"/>
      <c r="N34" s="208"/>
      <c r="O34" s="149"/>
      <c r="P34" s="150"/>
      <c r="Q34" s="276"/>
      <c r="R34" s="277"/>
      <c r="S34" s="277"/>
      <c r="T34" s="277"/>
      <c r="U34" s="277"/>
      <c r="V34" s="277"/>
      <c r="W34" s="277"/>
      <c r="X34" s="277"/>
      <c r="Y34" s="277"/>
      <c r="Z34" s="278"/>
      <c r="AB34" s="19"/>
      <c r="AC34" s="19"/>
      <c r="AD34" s="19"/>
      <c r="AE34" s="87"/>
      <c r="AF34" s="87"/>
      <c r="AG34" s="87"/>
      <c r="AH34" s="87"/>
      <c r="AI34" s="88"/>
      <c r="AJ34" s="88"/>
      <c r="AK34" s="88"/>
      <c r="AL34" s="88"/>
      <c r="AM34" s="87"/>
      <c r="AN34" s="87"/>
      <c r="AO34" s="87"/>
      <c r="AP34" s="87"/>
      <c r="AQ34" s="88"/>
      <c r="AR34" s="88"/>
      <c r="AS34" s="88"/>
      <c r="AT34" s="88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86"/>
      <c r="BJ34" s="86"/>
      <c r="BK34" s="86"/>
      <c r="BL34" s="86"/>
      <c r="BM34" s="86"/>
      <c r="BN34" s="86"/>
      <c r="BO34" s="86"/>
      <c r="BP34" s="86"/>
      <c r="BQ34" s="86"/>
      <c r="BR34" s="2"/>
    </row>
    <row r="35" spans="1:70" s="1" customFormat="1" ht="17.25" customHeight="1" x14ac:dyDescent="0.2">
      <c r="A35" s="279" t="s">
        <v>
76</v>
      </c>
      <c r="B35" s="518"/>
      <c r="C35" s="518"/>
      <c r="D35" s="518"/>
      <c r="E35" s="518"/>
      <c r="F35" s="518"/>
      <c r="G35" s="518"/>
      <c r="H35" s="280" t="s">
        <v>
77</v>
      </c>
      <c r="I35" s="281"/>
      <c r="J35" s="281"/>
      <c r="K35" s="281"/>
      <c r="L35" s="282" t="s">
        <v>
78</v>
      </c>
      <c r="M35" s="519"/>
      <c r="N35" s="102"/>
      <c r="O35" s="520"/>
      <c r="P35" s="73" t="s">
        <v>
79</v>
      </c>
      <c r="Q35" s="520"/>
      <c r="R35" s="520"/>
      <c r="S35" s="520"/>
      <c r="T35" s="20" t="s">
        <v>
80</v>
      </c>
      <c r="U35" s="280" t="s">
        <v>
81</v>
      </c>
      <c r="V35" s="281"/>
      <c r="W35" s="281"/>
      <c r="X35" s="281"/>
      <c r="Y35" s="107" t="s">
        <v>
82</v>
      </c>
      <c r="Z35" s="521"/>
      <c r="AB35" s="94"/>
      <c r="AC35" s="94"/>
      <c r="AD35" s="94"/>
      <c r="AE35" s="87"/>
      <c r="AF35" s="87"/>
      <c r="AG35" s="87"/>
      <c r="AH35" s="87"/>
      <c r="AI35" s="88"/>
      <c r="AJ35" s="88"/>
      <c r="AK35" s="88"/>
      <c r="AL35" s="88"/>
      <c r="AM35" s="87"/>
      <c r="AN35" s="87"/>
      <c r="AO35" s="87"/>
      <c r="AP35" s="87"/>
      <c r="AQ35" s="88"/>
      <c r="AR35" s="88"/>
      <c r="AS35" s="88"/>
      <c r="AT35" s="88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3"/>
      <c r="BJ35" s="83"/>
      <c r="BK35" s="83"/>
      <c r="BL35" s="83"/>
      <c r="BM35" s="83"/>
      <c r="BN35" s="83"/>
      <c r="BO35" s="83"/>
      <c r="BP35" s="83"/>
      <c r="BQ35" s="83"/>
      <c r="BR35" s="2"/>
    </row>
    <row r="36" spans="1:70" s="1" customFormat="1" ht="28.5" customHeight="1" x14ac:dyDescent="0.2">
      <c r="A36" s="125" t="s">
        <v>
83</v>
      </c>
      <c r="B36" s="283"/>
      <c r="C36" s="284"/>
      <c r="D36" s="285" t="s">
        <v>
84</v>
      </c>
      <c r="E36" s="286"/>
      <c r="F36" s="287"/>
      <c r="G36" s="285" t="s">
        <v>
85</v>
      </c>
      <c r="H36" s="128"/>
      <c r="I36" s="128"/>
      <c r="J36" s="129"/>
      <c r="K36" s="285" t="s">
        <v>
86</v>
      </c>
      <c r="L36" s="128"/>
      <c r="M36" s="129"/>
      <c r="N36" s="288" t="s">
        <v>
87</v>
      </c>
      <c r="O36" s="289"/>
      <c r="P36" s="289"/>
      <c r="Q36" s="290"/>
      <c r="R36" s="125" t="s">
        <v>
88</v>
      </c>
      <c r="S36" s="283"/>
      <c r="T36" s="284"/>
      <c r="U36" s="285" t="s">
        <v>
89</v>
      </c>
      <c r="V36" s="286"/>
      <c r="W36" s="286"/>
      <c r="X36" s="286"/>
      <c r="Y36" s="286"/>
      <c r="Z36" s="287"/>
      <c r="AB36" s="67"/>
      <c r="AC36" s="67"/>
      <c r="AD36" s="67"/>
      <c r="AE36" s="67"/>
      <c r="AF36" s="67"/>
      <c r="AG36" s="67"/>
      <c r="AH36" s="67"/>
      <c r="AI36" s="67"/>
      <c r="AJ36" s="67"/>
      <c r="AK36" s="67"/>
      <c r="AL36" s="67"/>
      <c r="AM36" s="67"/>
      <c r="AN36" s="67"/>
      <c r="AO36" s="67"/>
      <c r="AP36" s="67"/>
      <c r="AQ36" s="67"/>
      <c r="AR36" s="67"/>
      <c r="AS36" s="67"/>
      <c r="AT36" s="67"/>
      <c r="AU36" s="67"/>
      <c r="AV36" s="67"/>
      <c r="AW36" s="67"/>
      <c r="AX36" s="67"/>
      <c r="AY36" s="67"/>
      <c r="AZ36" s="67"/>
      <c r="BA36" s="67"/>
      <c r="BB36" s="67"/>
      <c r="BC36" s="67"/>
      <c r="BD36" s="67"/>
      <c r="BE36" s="67"/>
      <c r="BF36" s="67"/>
      <c r="BG36" s="67"/>
      <c r="BH36" s="67"/>
      <c r="BI36" s="67"/>
      <c r="BJ36" s="67"/>
      <c r="BK36" s="67"/>
      <c r="BL36" s="67"/>
      <c r="BM36" s="67"/>
      <c r="BN36" s="67"/>
      <c r="BO36" s="67"/>
      <c r="BP36" s="67"/>
      <c r="BQ36" s="67"/>
      <c r="BR36" s="2"/>
    </row>
    <row r="37" spans="1:70" s="1" customFormat="1" ht="20.25" customHeight="1" x14ac:dyDescent="0.2">
      <c r="A37" s="187" t="s">
        <v>
90</v>
      </c>
      <c r="B37" s="137"/>
      <c r="C37" s="138"/>
      <c r="D37" s="291">
        <v>
434</v>
      </c>
      <c r="E37" s="292"/>
      <c r="F37" s="293"/>
      <c r="G37" s="291">
        <v>
133177</v>
      </c>
      <c r="H37" s="294"/>
      <c r="I37" s="294"/>
      <c r="J37" s="295"/>
      <c r="K37" s="291">
        <f>
G37*1000/D37</f>
        <v>
306859.44700460829</v>
      </c>
      <c r="L37" s="294"/>
      <c r="M37" s="295"/>
      <c r="N37" s="114" t="s">
        <v>
91</v>
      </c>
      <c r="O37" s="115"/>
      <c r="P37" s="115"/>
      <c r="Q37" s="74"/>
      <c r="R37" s="296" t="s">
        <v>
260</v>
      </c>
      <c r="S37" s="297"/>
      <c r="T37" s="298"/>
      <c r="U37" s="299">
        <v>
807500</v>
      </c>
      <c r="V37" s="300"/>
      <c r="W37" s="300"/>
      <c r="X37" s="300"/>
      <c r="Y37" s="300"/>
      <c r="Z37" s="301"/>
      <c r="AB37" s="67"/>
      <c r="AC37" s="67"/>
      <c r="AD37" s="67"/>
      <c r="AE37" s="67"/>
      <c r="AF37" s="67"/>
      <c r="AG37" s="70"/>
      <c r="AH37" s="70"/>
      <c r="AI37" s="70"/>
      <c r="AJ37" s="70"/>
      <c r="AK37" s="77"/>
      <c r="AL37" s="77"/>
      <c r="AM37" s="77"/>
      <c r="AN37" s="77"/>
      <c r="AO37" s="70"/>
      <c r="AP37" s="78"/>
      <c r="AQ37" s="78"/>
      <c r="AR37" s="78"/>
      <c r="AS37" s="70"/>
      <c r="AT37" s="78"/>
      <c r="AU37" s="78"/>
      <c r="AV37" s="67"/>
      <c r="AW37" s="67"/>
      <c r="AX37" s="67"/>
      <c r="AY37" s="67"/>
      <c r="AZ37" s="67"/>
      <c r="BA37" s="67"/>
      <c r="BB37" s="67"/>
      <c r="BC37" s="67"/>
      <c r="BD37" s="70"/>
      <c r="BE37" s="67"/>
      <c r="BF37" s="67"/>
      <c r="BG37" s="67"/>
      <c r="BH37" s="70"/>
      <c r="BI37" s="70"/>
      <c r="BJ37" s="70"/>
      <c r="BK37" s="70"/>
      <c r="BL37" s="67"/>
      <c r="BM37" s="67"/>
      <c r="BN37" s="67"/>
      <c r="BO37" s="67"/>
      <c r="BP37" s="67"/>
      <c r="BQ37" s="67"/>
      <c r="BR37" s="2"/>
    </row>
    <row r="38" spans="1:70" s="1" customFormat="1" ht="20.25" customHeight="1" x14ac:dyDescent="0.2">
      <c r="A38" s="100"/>
      <c r="B38" s="125" t="s">
        <v>
93</v>
      </c>
      <c r="C38" s="129"/>
      <c r="D38" s="291">
        <v>
8</v>
      </c>
      <c r="E38" s="292"/>
      <c r="F38" s="293"/>
      <c r="G38" s="291">
        <v>
2491</v>
      </c>
      <c r="H38" s="294"/>
      <c r="I38" s="294"/>
      <c r="J38" s="295"/>
      <c r="K38" s="291">
        <f>
G38*1000/D38</f>
        <v>
311375</v>
      </c>
      <c r="L38" s="294"/>
      <c r="M38" s="295"/>
      <c r="N38" s="114" t="s">
        <v>
94</v>
      </c>
      <c r="O38" s="115"/>
      <c r="P38" s="115"/>
      <c r="Q38" s="74"/>
      <c r="R38" s="296" t="s">
        <v>
261</v>
      </c>
      <c r="S38" s="297"/>
      <c r="T38" s="298"/>
      <c r="U38" s="299">
        <v>
757950</v>
      </c>
      <c r="V38" s="300"/>
      <c r="W38" s="300"/>
      <c r="X38" s="300"/>
      <c r="Y38" s="300"/>
      <c r="Z38" s="301"/>
      <c r="AB38" s="67"/>
      <c r="AC38" s="67"/>
      <c r="AD38" s="67"/>
      <c r="AE38" s="67"/>
      <c r="AF38" s="67"/>
      <c r="AG38" s="70"/>
      <c r="AH38" s="70"/>
      <c r="AI38" s="70"/>
      <c r="AJ38" s="70"/>
      <c r="AK38" s="77"/>
      <c r="AL38" s="77"/>
      <c r="AM38" s="77"/>
      <c r="AN38" s="77"/>
      <c r="AO38" s="70"/>
      <c r="AP38" s="78"/>
      <c r="AQ38" s="78"/>
      <c r="AR38" s="78"/>
      <c r="AS38" s="70"/>
      <c r="AT38" s="78"/>
      <c r="AU38" s="78"/>
      <c r="AV38" s="67"/>
      <c r="AW38" s="67"/>
      <c r="AX38" s="67"/>
      <c r="AY38" s="67"/>
      <c r="AZ38" s="67"/>
      <c r="BA38" s="67"/>
      <c r="BB38" s="67"/>
      <c r="BC38" s="67"/>
      <c r="BD38" s="522"/>
      <c r="BE38" s="67"/>
      <c r="BF38" s="67"/>
      <c r="BG38" s="67"/>
      <c r="BH38" s="70"/>
      <c r="BI38" s="70"/>
      <c r="BJ38" s="70"/>
      <c r="BK38" s="70"/>
      <c r="BL38" s="67"/>
      <c r="BM38" s="67"/>
      <c r="BN38" s="67"/>
      <c r="BO38" s="67"/>
      <c r="BP38" s="67"/>
      <c r="BQ38" s="67"/>
      <c r="BR38" s="2"/>
    </row>
    <row r="39" spans="1:70" s="1" customFormat="1" ht="20.25" customHeight="1" x14ac:dyDescent="0.2">
      <c r="A39" s="114" t="s">
        <v>
95</v>
      </c>
      <c r="B39" s="115"/>
      <c r="C39" s="116"/>
      <c r="D39" s="291">
        <v>
2</v>
      </c>
      <c r="E39" s="294"/>
      <c r="F39" s="295"/>
      <c r="G39" s="291">
        <v>
925</v>
      </c>
      <c r="H39" s="294"/>
      <c r="I39" s="294"/>
      <c r="J39" s="295"/>
      <c r="K39" s="291">
        <f>
G39*1000/D39</f>
        <v>
462500</v>
      </c>
      <c r="L39" s="294"/>
      <c r="M39" s="295"/>
      <c r="N39" s="114" t="s">
        <v>
96</v>
      </c>
      <c r="O39" s="115"/>
      <c r="P39" s="115"/>
      <c r="Q39" s="74"/>
      <c r="R39" s="296" t="s">
        <v>
261</v>
      </c>
      <c r="S39" s="297"/>
      <c r="T39" s="298"/>
      <c r="U39" s="299">
        <v>
720000</v>
      </c>
      <c r="V39" s="300"/>
      <c r="W39" s="300"/>
      <c r="X39" s="300"/>
      <c r="Y39" s="300"/>
      <c r="Z39" s="301"/>
      <c r="AB39" s="67"/>
      <c r="AC39" s="67"/>
      <c r="AD39" s="67"/>
      <c r="AE39" s="67"/>
      <c r="AF39" s="67"/>
      <c r="AG39" s="5"/>
      <c r="AH39" s="5"/>
      <c r="AI39" s="5"/>
      <c r="AJ39" s="5"/>
      <c r="AK39" s="5"/>
      <c r="AL39" s="5"/>
      <c r="AM39" s="5"/>
      <c r="AN39" s="5"/>
      <c r="AO39" s="5"/>
      <c r="AP39" s="66"/>
      <c r="AQ39" s="66"/>
      <c r="AR39" s="66"/>
      <c r="AS39" s="66"/>
      <c r="AT39" s="66"/>
      <c r="AU39" s="66"/>
      <c r="AV39" s="6"/>
      <c r="AW39" s="6"/>
      <c r="AX39" s="6"/>
      <c r="AY39" s="6"/>
      <c r="AZ39" s="67"/>
      <c r="BA39" s="67"/>
      <c r="BB39" s="67"/>
      <c r="BC39" s="67"/>
      <c r="BD39" s="522"/>
      <c r="BE39" s="66"/>
      <c r="BF39" s="66"/>
      <c r="BG39" s="66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14" t="s">
        <v>
97</v>
      </c>
      <c r="B40" s="115"/>
      <c r="C40" s="116"/>
      <c r="D40" s="291"/>
      <c r="E40" s="294"/>
      <c r="F40" s="295"/>
      <c r="G40" s="291"/>
      <c r="H40" s="294"/>
      <c r="I40" s="294"/>
      <c r="J40" s="295"/>
      <c r="K40" s="291"/>
      <c r="L40" s="294"/>
      <c r="M40" s="295"/>
      <c r="N40" s="114"/>
      <c r="O40" s="115"/>
      <c r="P40" s="115"/>
      <c r="Q40" s="74"/>
      <c r="R40" s="296" t="s">
        <v>
92</v>
      </c>
      <c r="S40" s="297"/>
      <c r="T40" s="298"/>
      <c r="U40" s="299"/>
      <c r="V40" s="300"/>
      <c r="W40" s="300"/>
      <c r="X40" s="300"/>
      <c r="Y40" s="300"/>
      <c r="Z40" s="301"/>
      <c r="AB40" s="78"/>
      <c r="AC40" s="78"/>
      <c r="AD40" s="94"/>
      <c r="AE40" s="94"/>
      <c r="AF40" s="94"/>
      <c r="AG40" s="7"/>
      <c r="AH40" s="7"/>
      <c r="AI40" s="7"/>
      <c r="AJ40" s="7"/>
      <c r="AK40" s="8"/>
      <c r="AL40" s="8"/>
      <c r="AM40" s="8"/>
      <c r="AN40" s="8"/>
      <c r="AO40" s="21"/>
      <c r="AP40" s="87"/>
      <c r="AQ40" s="87"/>
      <c r="AR40" s="87"/>
      <c r="AS40" s="87"/>
      <c r="AT40" s="87"/>
      <c r="AU40" s="87"/>
      <c r="AV40" s="7"/>
      <c r="AW40" s="7"/>
      <c r="AX40" s="7"/>
      <c r="AY40" s="7"/>
      <c r="AZ40" s="65"/>
      <c r="BA40" s="65"/>
      <c r="BB40" s="65"/>
      <c r="BC40" s="65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14" t="s">
        <v>
98</v>
      </c>
      <c r="B41" s="115"/>
      <c r="C41" s="116"/>
      <c r="D41" s="291"/>
      <c r="E41" s="294"/>
      <c r="F41" s="295"/>
      <c r="G41" s="291"/>
      <c r="H41" s="294"/>
      <c r="I41" s="294"/>
      <c r="J41" s="295"/>
      <c r="K41" s="291"/>
      <c r="L41" s="292"/>
      <c r="M41" s="293"/>
      <c r="N41" s="187" t="s">
        <v>
99</v>
      </c>
      <c r="O41" s="138"/>
      <c r="P41" s="72" t="s">
        <v>
100</v>
      </c>
      <c r="Q41" s="101"/>
      <c r="R41" s="296" t="s">
        <v>
262</v>
      </c>
      <c r="S41" s="297"/>
      <c r="T41" s="298"/>
      <c r="U41" s="299">
        <v>
575000</v>
      </c>
      <c r="V41" s="300"/>
      <c r="W41" s="300"/>
      <c r="X41" s="300"/>
      <c r="Y41" s="300"/>
      <c r="Z41" s="301"/>
      <c r="AB41" s="78"/>
      <c r="AC41" s="78"/>
      <c r="AD41" s="94"/>
      <c r="AE41" s="94"/>
      <c r="AF41" s="94"/>
      <c r="AG41" s="7"/>
      <c r="AH41" s="7"/>
      <c r="AI41" s="7"/>
      <c r="AJ41" s="7"/>
      <c r="AK41" s="8"/>
      <c r="AL41" s="8"/>
      <c r="AM41" s="8"/>
      <c r="AN41" s="8"/>
      <c r="AO41" s="21"/>
      <c r="AP41" s="87"/>
      <c r="AQ41" s="87"/>
      <c r="AR41" s="87"/>
      <c r="AS41" s="87"/>
      <c r="AT41" s="87"/>
      <c r="AU41" s="87"/>
      <c r="AV41" s="7"/>
      <c r="AW41" s="7"/>
      <c r="AX41" s="7"/>
      <c r="AY41" s="7"/>
      <c r="AZ41" s="65"/>
      <c r="BA41" s="65"/>
      <c r="BB41" s="65"/>
      <c r="BC41" s="65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25" t="s">
        <v>
101</v>
      </c>
      <c r="B42" s="126"/>
      <c r="C42" s="127"/>
      <c r="D42" s="291">
        <f>
D37+D39</f>
        <v>
436</v>
      </c>
      <c r="E42" s="294"/>
      <c r="F42" s="295"/>
      <c r="G42" s="291">
        <f>
G37+G39</f>
        <v>
134102</v>
      </c>
      <c r="H42" s="294"/>
      <c r="I42" s="294"/>
      <c r="J42" s="295"/>
      <c r="K42" s="291">
        <f>
G42*1000/D42</f>
        <v>
307573.39449541282</v>
      </c>
      <c r="L42" s="292"/>
      <c r="M42" s="293"/>
      <c r="N42" s="139"/>
      <c r="O42" s="141"/>
      <c r="P42" s="72" t="s">
        <v>
102</v>
      </c>
      <c r="Q42" s="101"/>
      <c r="R42" s="296" t="s">
        <v>
262</v>
      </c>
      <c r="S42" s="297"/>
      <c r="T42" s="298"/>
      <c r="U42" s="299">
        <v>
515000</v>
      </c>
      <c r="V42" s="300"/>
      <c r="W42" s="300"/>
      <c r="X42" s="300"/>
      <c r="Y42" s="300"/>
      <c r="Z42" s="301"/>
      <c r="AB42" s="65"/>
      <c r="AC42" s="65"/>
      <c r="AD42" s="65"/>
      <c r="AE42" s="65"/>
      <c r="AF42" s="65"/>
      <c r="AG42" s="7"/>
      <c r="AH42" s="7"/>
      <c r="AI42" s="7"/>
      <c r="AJ42" s="7"/>
      <c r="AK42" s="8"/>
      <c r="AL42" s="8"/>
      <c r="AM42" s="8"/>
      <c r="AN42" s="8"/>
      <c r="AO42" s="21"/>
      <c r="AP42" s="87"/>
      <c r="AQ42" s="87"/>
      <c r="AR42" s="87"/>
      <c r="AS42" s="87"/>
      <c r="AT42" s="87"/>
      <c r="AU42" s="87"/>
      <c r="AV42" s="7"/>
      <c r="AW42" s="7"/>
      <c r="AX42" s="7"/>
      <c r="AY42" s="7"/>
      <c r="AZ42" s="65"/>
      <c r="BA42" s="65"/>
      <c r="BB42" s="65"/>
      <c r="BC42" s="65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302"/>
      <c r="B43" s="523"/>
      <c r="C43" s="303" t="s">
        <v>
103</v>
      </c>
      <c r="D43" s="173" t="s">
        <v>
104</v>
      </c>
      <c r="E43" s="130" t="s">
        <v>
105</v>
      </c>
      <c r="F43" s="188"/>
      <c r="G43" s="189"/>
      <c r="H43" s="130" t="s">
        <v>
106</v>
      </c>
      <c r="I43" s="305"/>
      <c r="J43" s="305"/>
      <c r="K43" s="306"/>
      <c r="L43" s="130" t="s">
        <v>
107</v>
      </c>
      <c r="M43" s="131"/>
      <c r="N43" s="310" t="s">
        <v>
108</v>
      </c>
      <c r="O43" s="141"/>
      <c r="P43" s="72" t="s">
        <v>
109</v>
      </c>
      <c r="Q43" s="101"/>
      <c r="R43" s="296" t="s">
        <v>
262</v>
      </c>
      <c r="S43" s="297"/>
      <c r="T43" s="298"/>
      <c r="U43" s="299">
        <v>
490000</v>
      </c>
      <c r="V43" s="300"/>
      <c r="W43" s="300"/>
      <c r="X43" s="300"/>
      <c r="Y43" s="300"/>
      <c r="Z43" s="301"/>
      <c r="AB43" s="65"/>
      <c r="AC43" s="65"/>
      <c r="AD43" s="65"/>
      <c r="AE43" s="65"/>
      <c r="AF43" s="65"/>
      <c r="AG43" s="7"/>
      <c r="AH43" s="7"/>
      <c r="AI43" s="7"/>
      <c r="AJ43" s="7"/>
      <c r="AK43" s="8"/>
      <c r="AL43" s="8"/>
      <c r="AM43" s="8"/>
      <c r="AN43" s="8"/>
      <c r="AO43" s="21"/>
      <c r="AP43" s="87"/>
      <c r="AQ43" s="87"/>
      <c r="AR43" s="87"/>
      <c r="AS43" s="87"/>
      <c r="AT43" s="87"/>
      <c r="AU43" s="87"/>
      <c r="AV43" s="7"/>
      <c r="AW43" s="7"/>
      <c r="AX43" s="7"/>
      <c r="AY43" s="7"/>
      <c r="AZ43" s="65"/>
      <c r="BA43" s="65"/>
      <c r="BB43" s="65"/>
      <c r="BC43" s="65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11" t="s">
        <v>
110</v>
      </c>
      <c r="B44" s="141"/>
      <c r="C44" s="304"/>
      <c r="D44" s="174"/>
      <c r="E44" s="190"/>
      <c r="F44" s="191"/>
      <c r="G44" s="192"/>
      <c r="H44" s="307"/>
      <c r="I44" s="308"/>
      <c r="J44" s="308"/>
      <c r="K44" s="309"/>
      <c r="L44" s="132"/>
      <c r="M44" s="133"/>
      <c r="N44" s="142"/>
      <c r="O44" s="144"/>
      <c r="P44" s="106" t="s">
        <v>
111</v>
      </c>
      <c r="Q44" s="524"/>
      <c r="R44" s="524"/>
      <c r="S44" s="22">
        <v>
21</v>
      </c>
      <c r="T44" s="23" t="s">
        <v>
112</v>
      </c>
      <c r="U44" s="276"/>
      <c r="V44" s="277"/>
      <c r="W44" s="277"/>
      <c r="X44" s="277"/>
      <c r="Y44" s="277"/>
      <c r="Z44" s="278"/>
      <c r="AB44" s="65"/>
      <c r="AC44" s="65"/>
      <c r="AD44" s="65"/>
      <c r="AE44" s="65"/>
      <c r="AF44" s="65"/>
      <c r="AG44" s="7"/>
      <c r="AH44" s="7"/>
      <c r="AI44" s="7"/>
      <c r="AJ44" s="7"/>
      <c r="AK44" s="8"/>
      <c r="AL44" s="8"/>
      <c r="AM44" s="8"/>
      <c r="AN44" s="8"/>
      <c r="AO44" s="21"/>
      <c r="AP44" s="87"/>
      <c r="AQ44" s="87"/>
      <c r="AR44" s="87"/>
      <c r="AS44" s="87"/>
      <c r="AT44" s="87"/>
      <c r="AU44" s="87"/>
      <c r="AV44" s="7"/>
      <c r="AW44" s="7"/>
      <c r="AX44" s="7"/>
      <c r="AY44" s="7"/>
      <c r="AZ44" s="65"/>
      <c r="BA44" s="65"/>
      <c r="BB44" s="65"/>
      <c r="BC44" s="65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139"/>
      <c r="B45" s="141"/>
      <c r="C45" s="24" t="s">
        <v>
113</v>
      </c>
      <c r="D45" s="25"/>
      <c r="E45" s="312">
        <v>
73837</v>
      </c>
      <c r="F45" s="135"/>
      <c r="G45" s="313"/>
      <c r="H45" s="312">
        <v>
936776</v>
      </c>
      <c r="I45" s="135"/>
      <c r="J45" s="135"/>
      <c r="K45" s="313"/>
      <c r="L45" s="312">
        <v>
9</v>
      </c>
      <c r="M45" s="313"/>
      <c r="N45" s="302"/>
      <c r="O45" s="523"/>
      <c r="P45" s="72" t="s">
        <v>
114</v>
      </c>
      <c r="Q45" s="73"/>
      <c r="R45" s="73"/>
      <c r="S45" s="73"/>
      <c r="T45" s="74"/>
      <c r="U45" s="151">
        <v>
10972</v>
      </c>
      <c r="V45" s="152"/>
      <c r="W45" s="152"/>
      <c r="X45" s="152"/>
      <c r="Y45" s="152"/>
      <c r="Z45" s="4" t="s">
        <v>
115</v>
      </c>
      <c r="AB45" s="65"/>
      <c r="AC45" s="65"/>
      <c r="AD45" s="65"/>
      <c r="AE45" s="65"/>
      <c r="AF45" s="65"/>
      <c r="AG45" s="7"/>
      <c r="AH45" s="7"/>
      <c r="AI45" s="7"/>
      <c r="AJ45" s="7"/>
      <c r="AK45" s="8"/>
      <c r="AL45" s="8"/>
      <c r="AM45" s="8"/>
      <c r="AN45" s="8"/>
      <c r="AO45" s="21"/>
      <c r="AP45" s="87"/>
      <c r="AQ45" s="87"/>
      <c r="AR45" s="87"/>
      <c r="AS45" s="87"/>
      <c r="AT45" s="87"/>
      <c r="AU45" s="87"/>
      <c r="AV45" s="7"/>
      <c r="AW45" s="7"/>
      <c r="AX45" s="7"/>
      <c r="AY45" s="7"/>
      <c r="AZ45" s="65"/>
      <c r="BA45" s="65"/>
      <c r="BB45" s="65"/>
      <c r="BC45" s="65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139"/>
      <c r="B46" s="141"/>
      <c r="C46" s="24" t="s">
        <v>
116</v>
      </c>
      <c r="D46" s="25"/>
      <c r="E46" s="312">
        <v>
189155</v>
      </c>
      <c r="F46" s="135"/>
      <c r="G46" s="313"/>
      <c r="H46" s="312">
        <v>
898775</v>
      </c>
      <c r="I46" s="135"/>
      <c r="J46" s="135"/>
      <c r="K46" s="313"/>
      <c r="L46" s="312">
        <v>
20</v>
      </c>
      <c r="M46" s="313"/>
      <c r="N46" s="314" t="s">
        <v>
117</v>
      </c>
      <c r="O46" s="141"/>
      <c r="P46" s="72" t="s">
        <v>
118</v>
      </c>
      <c r="Q46" s="73"/>
      <c r="R46" s="73"/>
      <c r="S46" s="73"/>
      <c r="T46" s="74"/>
      <c r="U46" s="151">
        <v>
16318</v>
      </c>
      <c r="V46" s="152"/>
      <c r="W46" s="152"/>
      <c r="X46" s="152"/>
      <c r="Y46" s="152"/>
      <c r="Z46" s="4" t="s">
        <v>
18</v>
      </c>
      <c r="AB46" s="65"/>
      <c r="AC46" s="65"/>
      <c r="AD46" s="65"/>
      <c r="AE46" s="65"/>
      <c r="AF46" s="65"/>
      <c r="AG46" s="7"/>
      <c r="AH46" s="7"/>
      <c r="AI46" s="7"/>
      <c r="AJ46" s="7"/>
      <c r="AK46" s="8"/>
      <c r="AL46" s="8"/>
      <c r="AM46" s="8"/>
      <c r="AN46" s="8"/>
      <c r="AO46" s="21"/>
      <c r="AP46" s="87"/>
      <c r="AQ46" s="87"/>
      <c r="AR46" s="87"/>
      <c r="AS46" s="87"/>
      <c r="AT46" s="87"/>
      <c r="AU46" s="87"/>
      <c r="AV46" s="7"/>
      <c r="AW46" s="7"/>
      <c r="AX46" s="7"/>
      <c r="AY46" s="7"/>
      <c r="AZ46" s="65"/>
      <c r="BA46" s="65"/>
      <c r="BB46" s="65"/>
      <c r="BC46" s="65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139"/>
      <c r="B47" s="141"/>
      <c r="C47" s="108" t="s">
        <v>
263</v>
      </c>
      <c r="D47" s="109"/>
      <c r="E47" s="291">
        <f>
'[1]64'!X44</f>
        <v>
0</v>
      </c>
      <c r="F47" s="294"/>
      <c r="G47" s="295"/>
      <c r="H47" s="291">
        <f>
'[1]64'!X19</f>
        <v>
9970</v>
      </c>
      <c r="I47" s="294"/>
      <c r="J47" s="294"/>
      <c r="K47" s="295"/>
      <c r="L47" s="291">
        <f>
'[1]64'!X59</f>
        <v>
0</v>
      </c>
      <c r="M47" s="295"/>
      <c r="N47" s="139"/>
      <c r="O47" s="141"/>
      <c r="P47" s="72" t="s">
        <v>
120</v>
      </c>
      <c r="Q47" s="73"/>
      <c r="R47" s="73"/>
      <c r="S47" s="73"/>
      <c r="T47" s="74"/>
      <c r="U47" s="151">
        <v>
138580.20415603355</v>
      </c>
      <c r="V47" s="152"/>
      <c r="W47" s="152"/>
      <c r="X47" s="152"/>
      <c r="Y47" s="152"/>
      <c r="Z47" s="4" t="s">
        <v>
121</v>
      </c>
      <c r="AB47" s="65"/>
      <c r="AC47" s="65"/>
      <c r="AD47" s="65"/>
      <c r="AE47" s="65"/>
      <c r="AF47" s="65"/>
      <c r="AG47" s="7"/>
      <c r="AH47" s="7"/>
      <c r="AI47" s="7"/>
      <c r="AJ47" s="7"/>
      <c r="AK47" s="8"/>
      <c r="AL47" s="8"/>
      <c r="AM47" s="8"/>
      <c r="AN47" s="8"/>
      <c r="AO47" s="21"/>
      <c r="AP47" s="87"/>
      <c r="AQ47" s="87"/>
      <c r="AR47" s="87"/>
      <c r="AS47" s="87"/>
      <c r="AT47" s="87"/>
      <c r="AU47" s="87"/>
      <c r="AV47" s="7"/>
      <c r="AW47" s="7"/>
      <c r="AX47" s="7"/>
      <c r="AY47" s="7"/>
      <c r="AZ47" s="65"/>
      <c r="BA47" s="65"/>
      <c r="BB47" s="65"/>
      <c r="BC47" s="65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139"/>
      <c r="B48" s="141"/>
      <c r="C48" s="24" t="s">
        <v>
119</v>
      </c>
      <c r="D48" s="25"/>
      <c r="E48" s="312">
        <v>
32472</v>
      </c>
      <c r="F48" s="135"/>
      <c r="G48" s="313"/>
      <c r="H48" s="312">
        <v>
214894</v>
      </c>
      <c r="I48" s="135"/>
      <c r="J48" s="135"/>
      <c r="K48" s="313"/>
      <c r="L48" s="312">
        <v>
3</v>
      </c>
      <c r="M48" s="313"/>
      <c r="N48" s="139"/>
      <c r="O48" s="141"/>
      <c r="P48" s="72" t="s">
        <v>
122</v>
      </c>
      <c r="Q48" s="73"/>
      <c r="R48" s="73"/>
      <c r="S48" s="73"/>
      <c r="T48" s="74"/>
      <c r="U48" s="212">
        <v>
93179.433754136538</v>
      </c>
      <c r="V48" s="213"/>
      <c r="W48" s="213"/>
      <c r="X48" s="213"/>
      <c r="Y48" s="213"/>
      <c r="Z48" s="4" t="s">
        <v>
121</v>
      </c>
      <c r="AB48" s="65"/>
      <c r="AC48" s="65"/>
      <c r="AD48" s="65"/>
      <c r="AE48" s="65"/>
      <c r="AF48" s="65"/>
      <c r="AG48" s="7"/>
      <c r="AH48" s="7"/>
      <c r="AI48" s="7"/>
      <c r="AJ48" s="7"/>
      <c r="AK48" s="8"/>
      <c r="AL48" s="8"/>
      <c r="AM48" s="8"/>
      <c r="AN48" s="8"/>
      <c r="AO48" s="21"/>
      <c r="AP48" s="87"/>
      <c r="AQ48" s="87"/>
      <c r="AR48" s="87"/>
      <c r="AS48" s="87"/>
      <c r="AT48" s="87"/>
      <c r="AU48" s="87"/>
      <c r="AV48" s="7"/>
      <c r="AW48" s="7"/>
      <c r="AX48" s="7"/>
      <c r="AY48" s="7"/>
      <c r="AZ48" s="65"/>
      <c r="BA48" s="65"/>
      <c r="BB48" s="65"/>
      <c r="BC48" s="65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139"/>
      <c r="B49" s="141"/>
      <c r="C49" s="110" t="s">
        <v>
264</v>
      </c>
      <c r="D49" s="111" t="s">
        <v>
265</v>
      </c>
      <c r="E49" s="291">
        <v>
29195</v>
      </c>
      <c r="F49" s="294"/>
      <c r="G49" s="295"/>
      <c r="H49" s="291">
        <v>
999335</v>
      </c>
      <c r="I49" s="294"/>
      <c r="J49" s="294"/>
      <c r="K49" s="295"/>
      <c r="L49" s="291">
        <v>
8</v>
      </c>
      <c r="M49" s="295"/>
      <c r="N49" s="139"/>
      <c r="O49" s="141"/>
      <c r="P49" s="72" t="s">
        <v>
123</v>
      </c>
      <c r="Q49" s="73"/>
      <c r="R49" s="73"/>
      <c r="S49" s="73"/>
      <c r="T49" s="74"/>
      <c r="U49" s="151">
        <v>
443048.5966417453</v>
      </c>
      <c r="V49" s="152"/>
      <c r="W49" s="152"/>
      <c r="X49" s="152"/>
      <c r="Y49" s="152"/>
      <c r="Z49" s="4" t="s">
        <v>
121</v>
      </c>
      <c r="AB49" s="65"/>
      <c r="AC49" s="65"/>
      <c r="AD49" s="65"/>
      <c r="AE49" s="65"/>
      <c r="AF49" s="65"/>
      <c r="AG49" s="7"/>
      <c r="AH49" s="7"/>
      <c r="AI49" s="7"/>
      <c r="AJ49" s="7"/>
      <c r="AK49" s="8"/>
      <c r="AL49" s="8"/>
      <c r="AM49" s="8"/>
      <c r="AN49" s="8"/>
      <c r="AO49" s="21"/>
      <c r="AP49" s="87"/>
      <c r="AQ49" s="87"/>
      <c r="AR49" s="87"/>
      <c r="AS49" s="87"/>
      <c r="AT49" s="87"/>
      <c r="AU49" s="87"/>
      <c r="AV49" s="7"/>
      <c r="AW49" s="7"/>
      <c r="AX49" s="7"/>
      <c r="AY49" s="7"/>
      <c r="AZ49" s="65"/>
      <c r="BA49" s="65"/>
      <c r="BB49" s="65"/>
      <c r="BC49" s="65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139"/>
      <c r="B50" s="141"/>
      <c r="C50" s="24"/>
      <c r="D50" s="97"/>
      <c r="E50" s="312"/>
      <c r="F50" s="135"/>
      <c r="G50" s="313"/>
      <c r="H50" s="312"/>
      <c r="I50" s="135"/>
      <c r="J50" s="135"/>
      <c r="K50" s="313"/>
      <c r="L50" s="312"/>
      <c r="M50" s="313"/>
      <c r="N50" s="139"/>
      <c r="O50" s="141"/>
      <c r="P50" s="72" t="s">
        <v>
124</v>
      </c>
      <c r="Q50" s="73"/>
      <c r="R50" s="73"/>
      <c r="S50" s="73"/>
      <c r="T50" s="74"/>
      <c r="U50" s="151">
        <v>
1521806</v>
      </c>
      <c r="V50" s="152"/>
      <c r="W50" s="152"/>
      <c r="X50" s="152"/>
      <c r="Y50" s="152"/>
      <c r="Z50" s="4" t="s">
        <v>
21</v>
      </c>
      <c r="AB50" s="65"/>
      <c r="AC50" s="65"/>
      <c r="AD50" s="65"/>
      <c r="AE50" s="65"/>
      <c r="AF50" s="65"/>
      <c r="AG50" s="7"/>
      <c r="AH50" s="7"/>
      <c r="AI50" s="7"/>
      <c r="AJ50" s="7"/>
      <c r="AK50" s="8"/>
      <c r="AL50" s="8"/>
      <c r="AM50" s="8"/>
      <c r="AN50" s="8"/>
      <c r="AO50" s="21"/>
      <c r="AP50" s="87"/>
      <c r="AQ50" s="87"/>
      <c r="AR50" s="87"/>
      <c r="AS50" s="87"/>
      <c r="AT50" s="87"/>
      <c r="AU50" s="87"/>
      <c r="AV50" s="7"/>
      <c r="AW50" s="7"/>
      <c r="AX50" s="7"/>
      <c r="AY50" s="7"/>
      <c r="AZ50" s="65"/>
      <c r="BA50" s="65"/>
      <c r="BB50" s="65"/>
      <c r="BC50" s="65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139"/>
      <c r="B51" s="141"/>
      <c r="C51" s="24"/>
      <c r="D51" s="97"/>
      <c r="E51" s="312"/>
      <c r="F51" s="135"/>
      <c r="G51" s="313"/>
      <c r="H51" s="312"/>
      <c r="I51" s="135"/>
      <c r="J51" s="135"/>
      <c r="K51" s="313"/>
      <c r="L51" s="312"/>
      <c r="M51" s="313"/>
      <c r="N51" s="139"/>
      <c r="O51" s="141"/>
      <c r="P51" s="72" t="s">
        <v>
125</v>
      </c>
      <c r="Q51" s="73"/>
      <c r="R51" s="73"/>
      <c r="S51" s="73"/>
      <c r="T51" s="74"/>
      <c r="U51" s="151">
        <v>
4503963</v>
      </c>
      <c r="V51" s="152"/>
      <c r="W51" s="152"/>
      <c r="X51" s="152"/>
      <c r="Y51" s="152"/>
      <c r="Z51" s="4" t="s">
        <v>
21</v>
      </c>
      <c r="AB51" s="65"/>
      <c r="AC51" s="65"/>
      <c r="AD51" s="65"/>
      <c r="AE51" s="65"/>
      <c r="AF51" s="65"/>
      <c r="AG51" s="7"/>
      <c r="AH51" s="7"/>
      <c r="AI51" s="7"/>
      <c r="AJ51" s="7"/>
      <c r="AK51" s="8"/>
      <c r="AL51" s="8"/>
      <c r="AM51" s="8"/>
      <c r="AN51" s="8"/>
      <c r="AO51" s="21"/>
      <c r="AP51" s="87"/>
      <c r="AQ51" s="87"/>
      <c r="AR51" s="87"/>
      <c r="AS51" s="87"/>
      <c r="AT51" s="87"/>
      <c r="AU51" s="87"/>
      <c r="AV51" s="7"/>
      <c r="AW51" s="7"/>
      <c r="AX51" s="7"/>
      <c r="AY51" s="7"/>
      <c r="AZ51" s="65"/>
      <c r="BA51" s="65"/>
      <c r="BB51" s="65"/>
      <c r="BC51" s="65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139"/>
      <c r="B52" s="141"/>
      <c r="C52" s="26"/>
      <c r="D52" s="97"/>
      <c r="E52" s="315"/>
      <c r="F52" s="316"/>
      <c r="G52" s="317"/>
      <c r="H52" s="315"/>
      <c r="I52" s="316"/>
      <c r="J52" s="316"/>
      <c r="K52" s="317"/>
      <c r="L52" s="315"/>
      <c r="M52" s="317"/>
      <c r="N52" s="139"/>
      <c r="O52" s="141"/>
      <c r="P52" s="27" t="s">
        <v>
126</v>
      </c>
      <c r="Q52" s="73"/>
      <c r="R52" s="73"/>
      <c r="S52" s="73"/>
      <c r="T52" s="74"/>
      <c r="U52" s="151">
        <v>
2427789</v>
      </c>
      <c r="V52" s="152"/>
      <c r="W52" s="152"/>
      <c r="X52" s="152"/>
      <c r="Y52" s="152"/>
      <c r="Z52" s="4" t="s">
        <v>
21</v>
      </c>
      <c r="AB52" s="65"/>
      <c r="AC52" s="65"/>
      <c r="AD52" s="65"/>
      <c r="AE52" s="65"/>
      <c r="AF52" s="65"/>
      <c r="AG52" s="7"/>
      <c r="AH52" s="7"/>
      <c r="AI52" s="7"/>
      <c r="AJ52" s="7"/>
      <c r="AK52" s="8"/>
      <c r="AL52" s="8"/>
      <c r="AM52" s="8"/>
      <c r="AN52" s="8"/>
      <c r="AO52" s="21"/>
      <c r="AP52" s="87"/>
      <c r="AQ52" s="87"/>
      <c r="AR52" s="87"/>
      <c r="AS52" s="87"/>
      <c r="AT52" s="87"/>
      <c r="AU52" s="87"/>
      <c r="AV52" s="7"/>
      <c r="AW52" s="7"/>
      <c r="AX52" s="7"/>
      <c r="AY52" s="7"/>
      <c r="AZ52" s="65"/>
      <c r="BA52" s="65"/>
      <c r="BB52" s="65"/>
      <c r="BC52" s="65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139"/>
      <c r="B53" s="141"/>
      <c r="C53" s="26"/>
      <c r="D53" s="97"/>
      <c r="E53" s="315"/>
      <c r="F53" s="316"/>
      <c r="G53" s="317"/>
      <c r="H53" s="315"/>
      <c r="I53" s="316"/>
      <c r="J53" s="316"/>
      <c r="K53" s="317"/>
      <c r="L53" s="315"/>
      <c r="M53" s="317"/>
      <c r="N53" s="139"/>
      <c r="O53" s="141"/>
      <c r="P53" s="72"/>
      <c r="Q53" s="73"/>
      <c r="R53" s="73"/>
      <c r="S53" s="73"/>
      <c r="T53" s="74"/>
      <c r="U53" s="151"/>
      <c r="V53" s="152"/>
      <c r="W53" s="152"/>
      <c r="X53" s="152"/>
      <c r="Y53" s="152"/>
      <c r="Z53" s="4"/>
      <c r="AB53" s="65"/>
      <c r="AC53" s="65"/>
      <c r="AD53" s="65"/>
      <c r="AE53" s="65"/>
      <c r="AF53" s="65"/>
      <c r="AG53" s="7"/>
      <c r="AH53" s="7"/>
      <c r="AI53" s="7"/>
      <c r="AJ53" s="7"/>
      <c r="AK53" s="8"/>
      <c r="AL53" s="8"/>
      <c r="AM53" s="8"/>
      <c r="AN53" s="8"/>
      <c r="AO53" s="21"/>
      <c r="AP53" s="87"/>
      <c r="AQ53" s="87"/>
      <c r="AR53" s="87"/>
      <c r="AS53" s="87"/>
      <c r="AT53" s="87"/>
      <c r="AU53" s="87"/>
      <c r="AV53" s="7"/>
      <c r="AW53" s="7"/>
      <c r="AX53" s="7"/>
      <c r="AY53" s="7"/>
      <c r="AZ53" s="65"/>
      <c r="BA53" s="65"/>
      <c r="BB53" s="65"/>
      <c r="BC53" s="65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139"/>
      <c r="B54" s="141"/>
      <c r="C54" s="26"/>
      <c r="D54" s="97"/>
      <c r="E54" s="315"/>
      <c r="F54" s="316"/>
      <c r="G54" s="317"/>
      <c r="H54" s="318"/>
      <c r="I54" s="319"/>
      <c r="J54" s="319"/>
      <c r="K54" s="320"/>
      <c r="L54" s="315"/>
      <c r="M54" s="317"/>
      <c r="N54" s="139"/>
      <c r="O54" s="141"/>
      <c r="P54" s="72"/>
      <c r="Q54" s="73"/>
      <c r="R54" s="73"/>
      <c r="S54" s="73"/>
      <c r="T54" s="74"/>
      <c r="U54" s="151"/>
      <c r="V54" s="152"/>
      <c r="W54" s="152"/>
      <c r="X54" s="152"/>
      <c r="Y54" s="152"/>
      <c r="Z54" s="4"/>
      <c r="AB54" s="94"/>
      <c r="AC54" s="94"/>
      <c r="AD54" s="94"/>
      <c r="AE54" s="94"/>
      <c r="AF54" s="94"/>
      <c r="AG54" s="105"/>
      <c r="AH54" s="105"/>
      <c r="AI54" s="105"/>
      <c r="AJ54" s="105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4"/>
      <c r="BA54" s="94"/>
      <c r="BB54" s="94"/>
      <c r="BC54" s="94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21"/>
      <c r="B55" s="525"/>
      <c r="C55" s="26"/>
      <c r="D55" s="97"/>
      <c r="E55" s="318"/>
      <c r="F55" s="319"/>
      <c r="G55" s="320"/>
      <c r="H55" s="315"/>
      <c r="I55" s="316"/>
      <c r="J55" s="316"/>
      <c r="K55" s="317"/>
      <c r="L55" s="315"/>
      <c r="M55" s="317"/>
      <c r="N55" s="321"/>
      <c r="O55" s="525"/>
      <c r="P55" s="72"/>
      <c r="Q55" s="73"/>
      <c r="R55" s="73"/>
      <c r="S55" s="73"/>
      <c r="T55" s="74"/>
      <c r="U55" s="151"/>
      <c r="V55" s="152"/>
      <c r="W55" s="152"/>
      <c r="X55" s="152"/>
      <c r="Y55" s="152"/>
      <c r="Z55" s="4"/>
      <c r="AB55" s="67"/>
      <c r="AC55" s="67"/>
      <c r="AD55" s="67"/>
      <c r="AE55" s="67"/>
      <c r="AF55" s="67"/>
      <c r="AG55" s="67"/>
      <c r="AH55" s="67"/>
      <c r="AI55" s="67"/>
      <c r="AJ55" s="67"/>
      <c r="AK55" s="67"/>
      <c r="AL55" s="67"/>
      <c r="AM55" s="67"/>
      <c r="AN55" s="67"/>
      <c r="AO55" s="67"/>
      <c r="AP55" s="67"/>
      <c r="AQ55" s="67"/>
      <c r="AR55" s="67"/>
      <c r="AS55" s="67"/>
      <c r="AT55" s="67"/>
      <c r="AU55" s="67"/>
      <c r="AV55" s="67"/>
      <c r="AW55" s="67"/>
      <c r="AX55" s="67"/>
      <c r="AY55" s="67"/>
      <c r="AZ55" s="31"/>
      <c r="BA55" s="67"/>
      <c r="BB55" s="67"/>
      <c r="BC55" s="67"/>
      <c r="BD55" s="67"/>
      <c r="BE55" s="67"/>
      <c r="BF55" s="70"/>
      <c r="BG55" s="70"/>
      <c r="BH55" s="70"/>
      <c r="BI55" s="70"/>
      <c r="BJ55" s="70"/>
      <c r="BK55" s="70"/>
      <c r="BL55" s="70"/>
      <c r="BM55" s="70"/>
      <c r="BN55" s="67"/>
      <c r="BO55" s="67"/>
      <c r="BP55" s="67"/>
      <c r="BQ55" s="67"/>
      <c r="BR55" s="2"/>
    </row>
    <row r="56" spans="1:70" s="1" customFormat="1" ht="3.75" customHeight="1" x14ac:dyDescent="0.2">
      <c r="AB56" s="67"/>
      <c r="AC56" s="67"/>
      <c r="AD56" s="67"/>
      <c r="AE56" s="67"/>
      <c r="AF56" s="67"/>
      <c r="AG56" s="32"/>
      <c r="AH56" s="33"/>
      <c r="AI56" s="33"/>
      <c r="AJ56" s="33"/>
      <c r="AK56" s="33"/>
      <c r="AL56" s="33"/>
      <c r="AM56" s="33"/>
      <c r="AN56" s="33"/>
      <c r="AO56" s="33"/>
      <c r="AP56" s="33"/>
      <c r="AQ56" s="33"/>
      <c r="AR56" s="33"/>
      <c r="AS56" s="33"/>
      <c r="AT56" s="33"/>
      <c r="AU56" s="33"/>
      <c r="AV56" s="33"/>
      <c r="AW56" s="33"/>
      <c r="AX56" s="33"/>
      <c r="AY56" s="33"/>
      <c r="AZ56" s="31"/>
      <c r="BA56" s="67"/>
      <c r="BB56" s="67"/>
      <c r="BC56" s="67"/>
      <c r="BD56" s="67"/>
      <c r="BE56" s="67"/>
      <c r="BF56" s="70"/>
      <c r="BG56" s="70"/>
      <c r="BH56" s="70"/>
      <c r="BI56" s="70"/>
      <c r="BJ56" s="70"/>
      <c r="BK56" s="70"/>
      <c r="BL56" s="70"/>
      <c r="BM56" s="70"/>
      <c r="BN56" s="67"/>
      <c r="BO56" s="67"/>
      <c r="BP56" s="67"/>
      <c r="BQ56" s="67"/>
      <c r="BR56" s="2"/>
    </row>
    <row r="57" spans="1:70" s="1" customFormat="1" ht="14.4" x14ac:dyDescent="0.2">
      <c r="A57" s="1" t="s">
        <v>
127</v>
      </c>
      <c r="AB57" s="67"/>
      <c r="AC57" s="67"/>
      <c r="AD57" s="67"/>
      <c r="AE57" s="67"/>
      <c r="AF57" s="67"/>
      <c r="AG57" s="33"/>
      <c r="AH57" s="33"/>
      <c r="AI57" s="33"/>
      <c r="AJ57" s="33"/>
      <c r="AK57" s="33"/>
      <c r="AL57" s="33"/>
      <c r="AM57" s="33"/>
      <c r="AN57" s="33"/>
      <c r="AO57" s="33"/>
      <c r="AP57" s="33"/>
      <c r="AQ57" s="33"/>
      <c r="AR57" s="33"/>
      <c r="AS57" s="33"/>
      <c r="AT57" s="33"/>
      <c r="AU57" s="33"/>
      <c r="AV57" s="33"/>
      <c r="AW57" s="33"/>
      <c r="AX57" s="33"/>
      <c r="AY57" s="33"/>
      <c r="AZ57" s="31"/>
      <c r="BA57" s="67"/>
      <c r="BB57" s="67"/>
      <c r="BC57" s="67"/>
      <c r="BD57" s="67"/>
      <c r="BE57" s="67"/>
      <c r="BF57" s="66"/>
      <c r="BG57" s="66"/>
      <c r="BH57" s="66"/>
      <c r="BI57" s="66"/>
      <c r="BJ57" s="66"/>
      <c r="BK57" s="66"/>
      <c r="BL57" s="66"/>
      <c r="BM57" s="66"/>
      <c r="BN57" s="66"/>
      <c r="BO57" s="66"/>
      <c r="BP57" s="66"/>
      <c r="BQ57" s="66"/>
      <c r="BR57" s="2"/>
    </row>
    <row r="58" spans="1:70" ht="14.4" x14ac:dyDescent="0.2">
      <c r="AB58" s="34"/>
      <c r="AC58" s="35"/>
      <c r="AD58" s="35"/>
      <c r="AE58" s="35"/>
      <c r="AF58" s="35"/>
      <c r="AG58" s="33"/>
      <c r="AH58" s="33"/>
      <c r="AI58" s="33"/>
      <c r="AJ58" s="33"/>
      <c r="AK58" s="33"/>
      <c r="AL58" s="33"/>
      <c r="AM58" s="33"/>
      <c r="AN58" s="33"/>
      <c r="AO58" s="33"/>
      <c r="AP58" s="33"/>
      <c r="AQ58" s="33"/>
      <c r="AR58" s="33"/>
      <c r="AS58" s="33"/>
      <c r="AT58" s="33"/>
      <c r="AU58" s="33"/>
      <c r="AV58" s="33"/>
      <c r="AW58" s="33"/>
      <c r="AX58" s="33"/>
      <c r="AY58" s="33"/>
      <c r="AZ58" s="31"/>
      <c r="BA58" s="65"/>
      <c r="BB58" s="65"/>
      <c r="BC58" s="65"/>
      <c r="BD58" s="65"/>
      <c r="BE58" s="65"/>
      <c r="BF58" s="36"/>
      <c r="BG58" s="36"/>
      <c r="BH58" s="36"/>
      <c r="BI58" s="36"/>
      <c r="BJ58" s="36"/>
      <c r="BK58" s="36"/>
      <c r="BL58" s="36"/>
      <c r="BM58" s="36"/>
      <c r="BN58" s="36"/>
      <c r="BO58" s="36"/>
      <c r="BP58" s="36"/>
      <c r="BQ58" s="36"/>
      <c r="BR58" s="2"/>
    </row>
    <row r="59" spans="1:70" s="2" customFormat="1" ht="16.5" customHeight="1" x14ac:dyDescent="0.2">
      <c r="A59" s="67"/>
      <c r="B59" s="67"/>
      <c r="C59" s="67"/>
      <c r="D59" s="67"/>
      <c r="E59" s="67"/>
      <c r="F59" s="67"/>
      <c r="G59" s="67"/>
      <c r="H59" s="67"/>
      <c r="I59" s="67"/>
      <c r="J59" s="67"/>
      <c r="K59" s="67"/>
      <c r="L59" s="67"/>
      <c r="M59" s="67"/>
      <c r="N59" s="67"/>
      <c r="O59" s="67"/>
      <c r="P59" s="67"/>
      <c r="Q59" s="67"/>
      <c r="R59" s="67"/>
      <c r="S59" s="67"/>
      <c r="T59" s="67"/>
      <c r="U59" s="67"/>
      <c r="V59" s="67"/>
      <c r="W59" s="67"/>
      <c r="X59" s="67"/>
      <c r="Y59" s="67"/>
      <c r="Z59" s="67"/>
      <c r="AA59" s="67"/>
      <c r="AB59" s="330" t="s">
        <v>
128</v>
      </c>
      <c r="AC59" s="331"/>
      <c r="AD59" s="331"/>
      <c r="AE59" s="331"/>
      <c r="AF59" s="331"/>
      <c r="AG59" s="331"/>
      <c r="AH59" s="331"/>
      <c r="AI59" s="331"/>
      <c r="AJ59" s="331"/>
      <c r="AK59" s="331"/>
      <c r="AL59" s="331"/>
      <c r="AM59" s="331"/>
      <c r="AN59" s="331"/>
      <c r="AO59" s="331"/>
      <c r="AP59" s="331"/>
      <c r="AQ59" s="331"/>
      <c r="AR59" s="331"/>
      <c r="AS59" s="331"/>
      <c r="AT59" s="332"/>
      <c r="AU59" s="330" t="s">
        <v>
129</v>
      </c>
      <c r="AV59" s="331"/>
      <c r="AW59" s="331"/>
      <c r="AX59" s="331"/>
      <c r="AY59" s="331"/>
      <c r="AZ59" s="331"/>
      <c r="BA59" s="331"/>
      <c r="BB59" s="331"/>
      <c r="BC59" s="331"/>
      <c r="BD59" s="331"/>
      <c r="BE59" s="331"/>
      <c r="BF59" s="331"/>
      <c r="BG59" s="331"/>
      <c r="BH59" s="331"/>
      <c r="BI59" s="331"/>
      <c r="BJ59" s="331"/>
      <c r="BK59" s="331"/>
      <c r="BL59" s="331"/>
      <c r="BM59" s="331"/>
      <c r="BN59" s="331"/>
      <c r="BO59" s="331"/>
      <c r="BP59" s="331"/>
      <c r="BQ59" s="332"/>
    </row>
    <row r="60" spans="1:70" s="2" customFormat="1" ht="14.25" customHeight="1" x14ac:dyDescent="0.2">
      <c r="A60" s="67"/>
      <c r="B60" s="67"/>
      <c r="C60" s="67"/>
      <c r="D60" s="67"/>
      <c r="E60" s="67"/>
      <c r="F60" s="67"/>
      <c r="G60" s="67"/>
      <c r="H60" s="67"/>
      <c r="I60" s="67"/>
      <c r="J60" s="67"/>
      <c r="K60" s="67"/>
      <c r="L60" s="67"/>
      <c r="M60" s="67"/>
      <c r="N60" s="67"/>
      <c r="O60" s="67"/>
      <c r="P60" s="67"/>
      <c r="Q60" s="67"/>
      <c r="R60" s="67"/>
      <c r="S60" s="67"/>
      <c r="T60" s="67"/>
      <c r="U60" s="67"/>
      <c r="V60" s="67"/>
      <c r="W60" s="67"/>
      <c r="X60" s="70"/>
      <c r="Y60" s="70"/>
      <c r="Z60" s="70"/>
      <c r="AA60" s="70"/>
      <c r="AB60" s="324" t="s">
        <v>
130</v>
      </c>
      <c r="AC60" s="325"/>
      <c r="AD60" s="326"/>
      <c r="AE60" s="324" t="s">
        <v>
131</v>
      </c>
      <c r="AF60" s="325"/>
      <c r="AG60" s="325"/>
      <c r="AH60" s="326"/>
      <c r="AI60" s="324" t="s">
        <v>
132</v>
      </c>
      <c r="AJ60" s="325"/>
      <c r="AK60" s="325"/>
      <c r="AL60" s="326"/>
      <c r="AM60" s="324" t="s">
        <v>
133</v>
      </c>
      <c r="AN60" s="325"/>
      <c r="AO60" s="325"/>
      <c r="AP60" s="326"/>
      <c r="AQ60" s="324" t="s">
        <v>
132</v>
      </c>
      <c r="AR60" s="325"/>
      <c r="AS60" s="325"/>
      <c r="AT60" s="326"/>
      <c r="AU60" s="324" t="s">
        <v>
130</v>
      </c>
      <c r="AV60" s="325"/>
      <c r="AW60" s="325"/>
      <c r="AX60" s="326"/>
      <c r="AY60" s="336" t="s">
        <v>
134</v>
      </c>
      <c r="AZ60" s="337"/>
      <c r="BA60" s="337"/>
      <c r="BB60" s="338"/>
      <c r="BC60" s="336" t="s">
        <v>
135</v>
      </c>
      <c r="BD60" s="69"/>
      <c r="BE60" s="302" t="s">
        <v>
136</v>
      </c>
      <c r="BF60" s="322"/>
      <c r="BG60" s="322"/>
      <c r="BH60" s="323"/>
      <c r="BI60" s="324" t="s">
        <v>
137</v>
      </c>
      <c r="BJ60" s="325"/>
      <c r="BK60" s="325"/>
      <c r="BL60" s="325"/>
      <c r="BM60" s="325"/>
      <c r="BN60" s="326"/>
      <c r="BO60" s="324" t="s">
        <v>
138</v>
      </c>
      <c r="BP60" s="325"/>
      <c r="BQ60" s="326"/>
    </row>
    <row r="61" spans="1:70" s="2" customFormat="1" ht="14.25" customHeight="1" x14ac:dyDescent="0.2">
      <c r="A61" s="67"/>
      <c r="B61" s="67"/>
      <c r="C61" s="67"/>
      <c r="D61" s="67"/>
      <c r="E61" s="67"/>
      <c r="F61" s="67"/>
      <c r="G61" s="67"/>
      <c r="H61" s="67"/>
      <c r="I61" s="67"/>
      <c r="J61" s="67"/>
      <c r="K61" s="67"/>
      <c r="L61" s="67"/>
      <c r="M61" s="67"/>
      <c r="N61" s="67"/>
      <c r="O61" s="67"/>
      <c r="P61" s="67"/>
      <c r="Q61" s="67"/>
      <c r="R61" s="67"/>
      <c r="S61" s="67"/>
      <c r="T61" s="67"/>
      <c r="U61" s="67"/>
      <c r="V61" s="67"/>
      <c r="W61" s="67"/>
      <c r="X61" s="70"/>
      <c r="Y61" s="70"/>
      <c r="Z61" s="70"/>
      <c r="AA61" s="70"/>
      <c r="AB61" s="327"/>
      <c r="AC61" s="328"/>
      <c r="AD61" s="329"/>
      <c r="AE61" s="327"/>
      <c r="AF61" s="328"/>
      <c r="AG61" s="328"/>
      <c r="AH61" s="329"/>
      <c r="AI61" s="327"/>
      <c r="AJ61" s="328"/>
      <c r="AK61" s="328"/>
      <c r="AL61" s="329"/>
      <c r="AM61" s="327" t="s">
        <v>
139</v>
      </c>
      <c r="AN61" s="328"/>
      <c r="AO61" s="328"/>
      <c r="AP61" s="329"/>
      <c r="AQ61" s="327"/>
      <c r="AR61" s="328"/>
      <c r="AS61" s="328"/>
      <c r="AT61" s="329"/>
      <c r="AU61" s="327"/>
      <c r="AV61" s="328"/>
      <c r="AW61" s="328"/>
      <c r="AX61" s="329"/>
      <c r="AY61" s="339"/>
      <c r="AZ61" s="340"/>
      <c r="BA61" s="340"/>
      <c r="BB61" s="341"/>
      <c r="BC61" s="339"/>
      <c r="BD61" s="71"/>
      <c r="BE61" s="327" t="s">
        <v>
139</v>
      </c>
      <c r="BF61" s="328"/>
      <c r="BG61" s="328"/>
      <c r="BH61" s="329"/>
      <c r="BI61" s="327" t="s">
        <v>
140</v>
      </c>
      <c r="BJ61" s="328"/>
      <c r="BK61" s="328"/>
      <c r="BL61" s="328"/>
      <c r="BM61" s="328"/>
      <c r="BN61" s="329"/>
      <c r="BO61" s="327" t="s">
        <v>
141</v>
      </c>
      <c r="BP61" s="328"/>
      <c r="BQ61" s="329"/>
    </row>
    <row r="62" spans="1:70" s="2" customFormat="1" ht="14.25" customHeight="1" x14ac:dyDescent="0.2">
      <c r="A62" s="67"/>
      <c r="B62" s="67"/>
      <c r="C62" s="67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67"/>
      <c r="U62" s="67"/>
      <c r="V62" s="67"/>
      <c r="W62" s="67"/>
      <c r="X62" s="6"/>
      <c r="Y62" s="6"/>
      <c r="Z62" s="6"/>
      <c r="AA62" s="6"/>
      <c r="AB62" s="333"/>
      <c r="AC62" s="334"/>
      <c r="AD62" s="335"/>
      <c r="AE62" s="362" t="s">
        <v>
21</v>
      </c>
      <c r="AF62" s="363"/>
      <c r="AG62" s="363"/>
      <c r="AH62" s="364"/>
      <c r="AI62" s="342" t="s">
        <v>
23</v>
      </c>
      <c r="AJ62" s="343"/>
      <c r="AK62" s="343"/>
      <c r="AL62" s="344"/>
      <c r="AM62" s="342" t="s">
        <v>
21</v>
      </c>
      <c r="AN62" s="343"/>
      <c r="AO62" s="343"/>
      <c r="AP62" s="344"/>
      <c r="AQ62" s="342" t="s">
        <v>
23</v>
      </c>
      <c r="AR62" s="343"/>
      <c r="AS62" s="343"/>
      <c r="AT62" s="344"/>
      <c r="AU62" s="333"/>
      <c r="AV62" s="334"/>
      <c r="AW62" s="334"/>
      <c r="AX62" s="335"/>
      <c r="AY62" s="342" t="s">
        <v>
21</v>
      </c>
      <c r="AZ62" s="343"/>
      <c r="BA62" s="343"/>
      <c r="BB62" s="344"/>
      <c r="BC62" s="76" t="s">
        <v>
23</v>
      </c>
      <c r="BD62" s="75"/>
      <c r="BE62" s="342" t="s">
        <v>
21</v>
      </c>
      <c r="BF62" s="343"/>
      <c r="BG62" s="343"/>
      <c r="BH62" s="344"/>
      <c r="BI62" s="342" t="s">
        <v>
21</v>
      </c>
      <c r="BJ62" s="343"/>
      <c r="BK62" s="343"/>
      <c r="BL62" s="343"/>
      <c r="BM62" s="343"/>
      <c r="BN62" s="344"/>
      <c r="BO62" s="345" t="s">
        <v>
23</v>
      </c>
      <c r="BP62" s="346"/>
      <c r="BQ62" s="347"/>
    </row>
    <row r="63" spans="1:70" s="2" customFormat="1" ht="15" customHeight="1" x14ac:dyDescent="0.2">
      <c r="A63" s="65"/>
      <c r="B63" s="65"/>
      <c r="C63" s="65"/>
      <c r="D63" s="87"/>
      <c r="E63" s="87"/>
      <c r="F63" s="87"/>
      <c r="G63" s="87"/>
      <c r="H63" s="88"/>
      <c r="I63" s="88"/>
      <c r="J63" s="88"/>
      <c r="K63" s="88"/>
      <c r="L63" s="87"/>
      <c r="M63" s="87"/>
      <c r="N63" s="87"/>
      <c r="O63" s="87"/>
      <c r="P63" s="88"/>
      <c r="Q63" s="88"/>
      <c r="R63" s="88"/>
      <c r="S63" s="88"/>
      <c r="T63" s="65"/>
      <c r="U63" s="65"/>
      <c r="V63" s="65"/>
      <c r="W63" s="65"/>
      <c r="X63" s="7"/>
      <c r="Y63" s="7"/>
      <c r="Z63" s="7"/>
      <c r="AA63" s="7"/>
      <c r="AB63" s="348" t="s">
        <v>
142</v>
      </c>
      <c r="AC63" s="348"/>
      <c r="AD63" s="348"/>
      <c r="AE63" s="349">
        <v>
15069770</v>
      </c>
      <c r="AF63" s="350"/>
      <c r="AG63" s="350"/>
      <c r="AH63" s="351"/>
      <c r="AI63" s="352">
        <v>
47.648526708466058</v>
      </c>
      <c r="AJ63" s="352"/>
      <c r="AK63" s="352"/>
      <c r="AL63" s="352"/>
      <c r="AM63" s="353">
        <v>
13796990</v>
      </c>
      <c r="AN63" s="353"/>
      <c r="AO63" s="353"/>
      <c r="AP63" s="349"/>
      <c r="AQ63" s="354">
        <v>
86.919995872289448</v>
      </c>
      <c r="AR63" s="355"/>
      <c r="AS63" s="355"/>
      <c r="AT63" s="356"/>
      <c r="AU63" s="160" t="s">
        <v>
143</v>
      </c>
      <c r="AV63" s="160"/>
      <c r="AW63" s="160"/>
      <c r="AX63" s="215"/>
      <c r="AY63" s="357">
        <v>
5122552</v>
      </c>
      <c r="AZ63" s="358"/>
      <c r="BA63" s="358"/>
      <c r="BB63" s="359"/>
      <c r="BC63" s="360">
        <v>
16.537893555094147</v>
      </c>
      <c r="BD63" s="361"/>
      <c r="BE63" s="357">
        <v>
4563764</v>
      </c>
      <c r="BF63" s="358"/>
      <c r="BG63" s="358"/>
      <c r="BH63" s="359"/>
      <c r="BI63" s="365">
        <v>
4476762</v>
      </c>
      <c r="BJ63" s="366"/>
      <c r="BK63" s="366"/>
      <c r="BL63" s="366"/>
      <c r="BM63" s="366"/>
      <c r="BN63" s="367"/>
      <c r="BO63" s="354">
        <v>
28.203262781318404</v>
      </c>
      <c r="BP63" s="355"/>
      <c r="BQ63" s="356"/>
    </row>
    <row r="64" spans="1:70" s="2" customFormat="1" ht="15" customHeight="1" x14ac:dyDescent="0.2">
      <c r="A64" s="65"/>
      <c r="B64" s="65"/>
      <c r="C64" s="65"/>
      <c r="D64" s="87"/>
      <c r="E64" s="87"/>
      <c r="F64" s="87"/>
      <c r="G64" s="87"/>
      <c r="H64" s="88"/>
      <c r="I64" s="88"/>
      <c r="J64" s="88"/>
      <c r="K64" s="88"/>
      <c r="L64" s="87"/>
      <c r="M64" s="87"/>
      <c r="N64" s="87"/>
      <c r="O64" s="87"/>
      <c r="P64" s="88"/>
      <c r="Q64" s="88"/>
      <c r="R64" s="88"/>
      <c r="S64" s="88"/>
      <c r="T64" s="94"/>
      <c r="U64" s="94"/>
      <c r="V64" s="94"/>
      <c r="W64" s="94"/>
      <c r="X64" s="7"/>
      <c r="Y64" s="7"/>
      <c r="Z64" s="7"/>
      <c r="AA64" s="7"/>
      <c r="AB64" s="348" t="s">
        <v>
144</v>
      </c>
      <c r="AC64" s="348"/>
      <c r="AD64" s="348"/>
      <c r="AE64" s="349">
        <v>
115302</v>
      </c>
      <c r="AF64" s="350"/>
      <c r="AG64" s="350"/>
      <c r="AH64" s="351"/>
      <c r="AI64" s="352">
        <v>
0.36456896333119571</v>
      </c>
      <c r="AJ64" s="352"/>
      <c r="AK64" s="352"/>
      <c r="AL64" s="352"/>
      <c r="AM64" s="353">
        <v>
115302</v>
      </c>
      <c r="AN64" s="353"/>
      <c r="AO64" s="353"/>
      <c r="AP64" s="349"/>
      <c r="AQ64" s="354">
        <v>
0.72639389925387476</v>
      </c>
      <c r="AR64" s="355"/>
      <c r="AS64" s="355"/>
      <c r="AT64" s="356"/>
      <c r="AU64" s="94"/>
      <c r="AV64" s="125" t="s">
        <v>
145</v>
      </c>
      <c r="AW64" s="126"/>
      <c r="AX64" s="127"/>
      <c r="AY64" s="357">
        <v>
2850780</v>
      </c>
      <c r="AZ64" s="358"/>
      <c r="BA64" s="358"/>
      <c r="BB64" s="359"/>
      <c r="BC64" s="360">
        <v>
9.2035954323140672</v>
      </c>
      <c r="BD64" s="361"/>
      <c r="BE64" s="357">
        <v>
2497394</v>
      </c>
      <c r="BF64" s="358"/>
      <c r="BG64" s="358"/>
      <c r="BH64" s="359"/>
      <c r="BI64" s="365">
        <v>
2497091</v>
      </c>
      <c r="BJ64" s="366"/>
      <c r="BK64" s="366"/>
      <c r="BL64" s="366"/>
      <c r="BM64" s="366"/>
      <c r="BN64" s="367"/>
      <c r="BO64" s="354">
        <v>
15.731484868274247</v>
      </c>
      <c r="BP64" s="355"/>
      <c r="BQ64" s="356"/>
    </row>
    <row r="65" spans="1:69" s="2" customFormat="1" ht="15" customHeight="1" x14ac:dyDescent="0.2">
      <c r="A65" s="65"/>
      <c r="B65" s="65"/>
      <c r="C65" s="65"/>
      <c r="D65" s="87"/>
      <c r="E65" s="87"/>
      <c r="F65" s="87"/>
      <c r="G65" s="87"/>
      <c r="H65" s="88"/>
      <c r="I65" s="88"/>
      <c r="J65" s="88"/>
      <c r="K65" s="88"/>
      <c r="L65" s="87"/>
      <c r="M65" s="87"/>
      <c r="N65" s="87"/>
      <c r="O65" s="87"/>
      <c r="P65" s="88"/>
      <c r="Q65" s="88"/>
      <c r="R65" s="88"/>
      <c r="S65" s="88"/>
      <c r="T65" s="65"/>
      <c r="U65" s="65"/>
      <c r="V65" s="65"/>
      <c r="W65" s="65"/>
      <c r="X65" s="7"/>
      <c r="Y65" s="7"/>
      <c r="Z65" s="7"/>
      <c r="AA65" s="7"/>
      <c r="AB65" s="348" t="s">
        <v>
146</v>
      </c>
      <c r="AC65" s="348"/>
      <c r="AD65" s="348"/>
      <c r="AE65" s="349">
        <v>
31151</v>
      </c>
      <c r="AF65" s="350"/>
      <c r="AG65" s="350"/>
      <c r="AH65" s="351"/>
      <c r="AI65" s="352">
        <v>
9.8495149925674111E-2</v>
      </c>
      <c r="AJ65" s="352"/>
      <c r="AK65" s="352"/>
      <c r="AL65" s="352"/>
      <c r="AM65" s="353">
        <v>
31151</v>
      </c>
      <c r="AN65" s="353"/>
      <c r="AO65" s="353"/>
      <c r="AP65" s="349"/>
      <c r="AQ65" s="354">
        <v>
0.19624894933008494</v>
      </c>
      <c r="AR65" s="355"/>
      <c r="AS65" s="355"/>
      <c r="AT65" s="356"/>
      <c r="AU65" s="115" t="s">
        <v>
147</v>
      </c>
      <c r="AV65" s="115"/>
      <c r="AW65" s="115"/>
      <c r="AX65" s="116"/>
      <c r="AY65" s="357">
        <v>
9161094</v>
      </c>
      <c r="AZ65" s="358"/>
      <c r="BA65" s="358"/>
      <c r="BB65" s="359"/>
      <c r="BC65" s="360">
        <v>
29.576117025305287</v>
      </c>
      <c r="BD65" s="361"/>
      <c r="BE65" s="357">
        <v>
2563467</v>
      </c>
      <c r="BF65" s="358"/>
      <c r="BG65" s="358"/>
      <c r="BH65" s="359"/>
      <c r="BI65" s="365">
        <v>
2503779</v>
      </c>
      <c r="BJ65" s="366"/>
      <c r="BK65" s="366"/>
      <c r="BL65" s="366"/>
      <c r="BM65" s="366"/>
      <c r="BN65" s="367"/>
      <c r="BO65" s="354">
        <v>
15.773618763594449</v>
      </c>
      <c r="BP65" s="355"/>
      <c r="BQ65" s="356"/>
    </row>
    <row r="66" spans="1:69" s="2" customFormat="1" ht="15" customHeight="1" x14ac:dyDescent="0.2">
      <c r="A66" s="65"/>
      <c r="B66" s="65"/>
      <c r="C66" s="65"/>
      <c r="D66" s="87"/>
      <c r="E66" s="87"/>
      <c r="F66" s="87"/>
      <c r="G66" s="87"/>
      <c r="H66" s="88"/>
      <c r="I66" s="88"/>
      <c r="J66" s="88"/>
      <c r="K66" s="88"/>
      <c r="L66" s="87"/>
      <c r="M66" s="87"/>
      <c r="N66" s="87"/>
      <c r="O66" s="87"/>
      <c r="P66" s="88"/>
      <c r="Q66" s="88"/>
      <c r="R66" s="88"/>
      <c r="S66" s="88"/>
      <c r="T66" s="65"/>
      <c r="U66" s="65"/>
      <c r="V66" s="65"/>
      <c r="W66" s="65"/>
      <c r="X66" s="7"/>
      <c r="Y66" s="7"/>
      <c r="Z66" s="7"/>
      <c r="AA66" s="7"/>
      <c r="AB66" s="348" t="s">
        <v>
148</v>
      </c>
      <c r="AC66" s="348"/>
      <c r="AD66" s="348"/>
      <c r="AE66" s="349">
        <v>
103660</v>
      </c>
      <c r="AF66" s="350"/>
      <c r="AG66" s="350"/>
      <c r="AH66" s="351"/>
      <c r="AI66" s="352">
        <v>
0.32775857087398091</v>
      </c>
      <c r="AJ66" s="352"/>
      <c r="AK66" s="352"/>
      <c r="AL66" s="352"/>
      <c r="AM66" s="353">
        <v>
103660</v>
      </c>
      <c r="AN66" s="353"/>
      <c r="AO66" s="353"/>
      <c r="AP66" s="349"/>
      <c r="AQ66" s="354">
        <v>
0.65305017776497065</v>
      </c>
      <c r="AR66" s="355"/>
      <c r="AS66" s="355"/>
      <c r="AT66" s="356"/>
      <c r="AU66" s="368" t="s">
        <v>
149</v>
      </c>
      <c r="AV66" s="368"/>
      <c r="AW66" s="368"/>
      <c r="AX66" s="369"/>
      <c r="AY66" s="357">
        <v>
1581879</v>
      </c>
      <c r="AZ66" s="358"/>
      <c r="BA66" s="358"/>
      <c r="BB66" s="359"/>
      <c r="BC66" s="360">
        <v>
5.1070143395398953</v>
      </c>
      <c r="BD66" s="361"/>
      <c r="BE66" s="357">
        <v>
1581879</v>
      </c>
      <c r="BF66" s="358"/>
      <c r="BG66" s="358"/>
      <c r="BH66" s="359"/>
      <c r="BI66" s="365">
        <v>
1581879</v>
      </c>
      <c r="BJ66" s="366"/>
      <c r="BK66" s="366"/>
      <c r="BL66" s="366"/>
      <c r="BM66" s="366"/>
      <c r="BN66" s="367"/>
      <c r="BO66" s="354">
        <v>
9.9657183306258368</v>
      </c>
      <c r="BP66" s="355"/>
      <c r="BQ66" s="356"/>
    </row>
    <row r="67" spans="1:69" s="2" customFormat="1" ht="15" customHeight="1" x14ac:dyDescent="0.2">
      <c r="A67" s="13"/>
      <c r="B67" s="13"/>
      <c r="C67" s="13"/>
      <c r="D67" s="87"/>
      <c r="E67" s="87"/>
      <c r="F67" s="87"/>
      <c r="G67" s="87"/>
      <c r="H67" s="88"/>
      <c r="I67" s="88"/>
      <c r="J67" s="88"/>
      <c r="K67" s="88"/>
      <c r="L67" s="87"/>
      <c r="M67" s="87"/>
      <c r="N67" s="87"/>
      <c r="O67" s="87"/>
      <c r="P67" s="88"/>
      <c r="Q67" s="88"/>
      <c r="R67" s="88"/>
      <c r="S67" s="88"/>
      <c r="T67" s="94"/>
      <c r="U67" s="65"/>
      <c r="V67" s="65"/>
      <c r="W67" s="65"/>
      <c r="X67" s="7"/>
      <c r="Y67" s="7"/>
      <c r="Z67" s="7"/>
      <c r="AA67" s="7"/>
      <c r="AB67" s="370" t="s">
        <v>
150</v>
      </c>
      <c r="AC67" s="370"/>
      <c r="AD67" s="370"/>
      <c r="AE67" s="349">
        <v>
84287</v>
      </c>
      <c r="AF67" s="350"/>
      <c r="AG67" s="350"/>
      <c r="AH67" s="351"/>
      <c r="AI67" s="352">
        <v>
0.26650382657973398</v>
      </c>
      <c r="AJ67" s="352"/>
      <c r="AK67" s="352"/>
      <c r="AL67" s="352"/>
      <c r="AM67" s="353">
        <v>
84287</v>
      </c>
      <c r="AN67" s="353"/>
      <c r="AO67" s="353"/>
      <c r="AP67" s="349"/>
      <c r="AQ67" s="354">
        <v>
0.53100173966116226</v>
      </c>
      <c r="AR67" s="355"/>
      <c r="AS67" s="355"/>
      <c r="AT67" s="356"/>
      <c r="AU67" s="94"/>
      <c r="AV67" s="114" t="s">
        <v>
151</v>
      </c>
      <c r="AW67" s="115"/>
      <c r="AX67" s="116"/>
      <c r="AY67" s="357">
        <v>
1581819</v>
      </c>
      <c r="AZ67" s="358"/>
      <c r="BA67" s="358"/>
      <c r="BB67" s="359"/>
      <c r="BC67" s="360">
        <v>
5.1068206326505745</v>
      </c>
      <c r="BD67" s="361"/>
      <c r="BE67" s="357">
        <v>
1581819</v>
      </c>
      <c r="BF67" s="358"/>
      <c r="BG67" s="358"/>
      <c r="BH67" s="359"/>
      <c r="BI67" s="365">
        <v>
1581819</v>
      </c>
      <c r="BJ67" s="366"/>
      <c r="BK67" s="366"/>
      <c r="BL67" s="366"/>
      <c r="BM67" s="366"/>
      <c r="BN67" s="367"/>
      <c r="BO67" s="354">
        <v>
9.9653403351534653</v>
      </c>
      <c r="BP67" s="355"/>
      <c r="BQ67" s="356"/>
    </row>
    <row r="68" spans="1:69" s="2" customFormat="1" ht="15" customHeight="1" x14ac:dyDescent="0.2">
      <c r="A68" s="65"/>
      <c r="B68" s="65"/>
      <c r="C68" s="65"/>
      <c r="D68" s="87"/>
      <c r="E68" s="87"/>
      <c r="F68" s="87"/>
      <c r="G68" s="87"/>
      <c r="H68" s="88"/>
      <c r="I68" s="88"/>
      <c r="J68" s="88"/>
      <c r="K68" s="88"/>
      <c r="L68" s="87"/>
      <c r="M68" s="87"/>
      <c r="N68" s="87"/>
      <c r="O68" s="87"/>
      <c r="P68" s="88"/>
      <c r="Q68" s="88"/>
      <c r="R68" s="88"/>
      <c r="S68" s="88"/>
      <c r="T68" s="94"/>
      <c r="U68" s="65"/>
      <c r="V68" s="65"/>
      <c r="W68" s="65"/>
      <c r="X68" s="7"/>
      <c r="Y68" s="7"/>
      <c r="Z68" s="7"/>
      <c r="AA68" s="7"/>
      <c r="AB68" s="348" t="s">
        <v>
152</v>
      </c>
      <c r="AC68" s="348"/>
      <c r="AD68" s="348"/>
      <c r="AE68" s="349">
        <v>
1304822</v>
      </c>
      <c r="AF68" s="350"/>
      <c r="AG68" s="350"/>
      <c r="AH68" s="351"/>
      <c r="AI68" s="352">
        <v>
4.125666544133991</v>
      </c>
      <c r="AJ68" s="352"/>
      <c r="AK68" s="352"/>
      <c r="AL68" s="352"/>
      <c r="AM68" s="353">
        <v>
1304822</v>
      </c>
      <c r="AN68" s="353"/>
      <c r="AO68" s="353"/>
      <c r="AP68" s="349"/>
      <c r="AQ68" s="354">
        <v>
8.2202801374845134</v>
      </c>
      <c r="AR68" s="355"/>
      <c r="AS68" s="355"/>
      <c r="AT68" s="356"/>
      <c r="AU68" s="94"/>
      <c r="AV68" s="114" t="s">
        <v>
153</v>
      </c>
      <c r="AW68" s="115"/>
      <c r="AX68" s="116"/>
      <c r="AY68" s="357">
        <v>
60</v>
      </c>
      <c r="AZ68" s="358"/>
      <c r="BA68" s="358"/>
      <c r="BB68" s="359"/>
      <c r="BC68" s="360">
        <v>
1.9370688932111355E-4</v>
      </c>
      <c r="BD68" s="361"/>
      <c r="BE68" s="357">
        <v>
60</v>
      </c>
      <c r="BF68" s="358"/>
      <c r="BG68" s="358"/>
      <c r="BH68" s="359"/>
      <c r="BI68" s="365">
        <v>
60</v>
      </c>
      <c r="BJ68" s="366"/>
      <c r="BK68" s="366"/>
      <c r="BL68" s="366"/>
      <c r="BM68" s="366"/>
      <c r="BN68" s="367"/>
      <c r="BO68" s="354">
        <v>
3.7799547237023196E-4</v>
      </c>
      <c r="BP68" s="355"/>
      <c r="BQ68" s="356"/>
    </row>
    <row r="69" spans="1:69" s="2" customFormat="1" ht="15" customHeight="1" x14ac:dyDescent="0.2">
      <c r="A69" s="13"/>
      <c r="B69" s="13"/>
      <c r="C69" s="13"/>
      <c r="D69" s="87"/>
      <c r="E69" s="87"/>
      <c r="F69" s="87"/>
      <c r="G69" s="87"/>
      <c r="H69" s="88"/>
      <c r="I69" s="88"/>
      <c r="J69" s="88"/>
      <c r="K69" s="88"/>
      <c r="L69" s="87"/>
      <c r="M69" s="87"/>
      <c r="N69" s="87"/>
      <c r="O69" s="87"/>
      <c r="P69" s="88"/>
      <c r="Q69" s="88"/>
      <c r="R69" s="88"/>
      <c r="S69" s="88"/>
      <c r="T69" s="94"/>
      <c r="U69" s="94"/>
      <c r="V69" s="94"/>
      <c r="W69" s="94"/>
      <c r="X69" s="7"/>
      <c r="Y69" s="7"/>
      <c r="Z69" s="7"/>
      <c r="AA69" s="7"/>
      <c r="AB69" s="370" t="s">
        <v>
154</v>
      </c>
      <c r="AC69" s="370"/>
      <c r="AD69" s="370"/>
      <c r="AE69" s="349">
        <v>
0</v>
      </c>
      <c r="AF69" s="350"/>
      <c r="AG69" s="350"/>
      <c r="AH69" s="351"/>
      <c r="AI69" s="352">
        <v>
0</v>
      </c>
      <c r="AJ69" s="352"/>
      <c r="AK69" s="352"/>
      <c r="AL69" s="352"/>
      <c r="AM69" s="353">
        <v>
0</v>
      </c>
      <c r="AN69" s="353"/>
      <c r="AO69" s="353"/>
      <c r="AP69" s="349"/>
      <c r="AQ69" s="354">
        <v>
0</v>
      </c>
      <c r="AR69" s="355"/>
      <c r="AS69" s="355"/>
      <c r="AT69" s="356"/>
      <c r="AU69" s="188" t="s">
        <v>
155</v>
      </c>
      <c r="AV69" s="188"/>
      <c r="AW69" s="188"/>
      <c r="AX69" s="189"/>
      <c r="AY69" s="357">
        <v>
15865525</v>
      </c>
      <c r="AZ69" s="358"/>
      <c r="BA69" s="358"/>
      <c r="BB69" s="359"/>
      <c r="BC69" s="360">
        <v>
51.221024919939332</v>
      </c>
      <c r="BD69" s="361"/>
      <c r="BE69" s="357">
        <v>
8709110</v>
      </c>
      <c r="BF69" s="358"/>
      <c r="BG69" s="358"/>
      <c r="BH69" s="359"/>
      <c r="BI69" s="357">
        <v>
8562420</v>
      </c>
      <c r="BJ69" s="358"/>
      <c r="BK69" s="358"/>
      <c r="BL69" s="358"/>
      <c r="BM69" s="358"/>
      <c r="BN69" s="359"/>
      <c r="BO69" s="354">
        <v>
53.94259987553869</v>
      </c>
      <c r="BP69" s="355"/>
      <c r="BQ69" s="356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88"/>
      <c r="I70" s="88"/>
      <c r="J70" s="88"/>
      <c r="K70" s="88"/>
      <c r="L70" s="87"/>
      <c r="M70" s="87"/>
      <c r="N70" s="87"/>
      <c r="O70" s="87"/>
      <c r="P70" s="88"/>
      <c r="Q70" s="88"/>
      <c r="R70" s="88"/>
      <c r="S70" s="88"/>
      <c r="T70" s="94"/>
      <c r="U70" s="94"/>
      <c r="V70" s="94"/>
      <c r="W70" s="94"/>
      <c r="X70" s="7"/>
      <c r="Y70" s="7"/>
      <c r="Z70" s="7"/>
      <c r="AA70" s="7"/>
      <c r="AB70" s="370" t="s">
        <v>
156</v>
      </c>
      <c r="AC70" s="370"/>
      <c r="AD70" s="370"/>
      <c r="AE70" s="365">
        <v>
0</v>
      </c>
      <c r="AF70" s="366"/>
      <c r="AG70" s="366"/>
      <c r="AH70" s="367"/>
      <c r="AI70" s="352">
        <v>
0</v>
      </c>
      <c r="AJ70" s="352"/>
      <c r="AK70" s="352"/>
      <c r="AL70" s="352"/>
      <c r="AM70" s="353">
        <v>
0</v>
      </c>
      <c r="AN70" s="353"/>
      <c r="AO70" s="353"/>
      <c r="AP70" s="349"/>
      <c r="AQ70" s="354">
        <v>
0</v>
      </c>
      <c r="AR70" s="355"/>
      <c r="AS70" s="355"/>
      <c r="AT70" s="356"/>
      <c r="AU70" s="191"/>
      <c r="AV70" s="191"/>
      <c r="AW70" s="191"/>
      <c r="AX70" s="192"/>
      <c r="AY70" s="371"/>
      <c r="AZ70" s="372"/>
      <c r="BA70" s="372"/>
      <c r="BB70" s="373"/>
      <c r="BC70" s="374"/>
      <c r="BD70" s="375"/>
      <c r="BE70" s="371"/>
      <c r="BF70" s="372"/>
      <c r="BG70" s="372"/>
      <c r="BH70" s="373"/>
      <c r="BI70" s="371"/>
      <c r="BJ70" s="372"/>
      <c r="BK70" s="372"/>
      <c r="BL70" s="372"/>
      <c r="BM70" s="372"/>
      <c r="BN70" s="373"/>
      <c r="BO70" s="376"/>
      <c r="BP70" s="377"/>
      <c r="BQ70" s="378"/>
    </row>
    <row r="71" spans="1:69" s="2" customFormat="1" ht="15" customHeight="1" x14ac:dyDescent="0.2">
      <c r="A71" s="14"/>
      <c r="B71" s="14"/>
      <c r="C71" s="14"/>
      <c r="D71" s="87"/>
      <c r="E71" s="87"/>
      <c r="F71" s="87"/>
      <c r="G71" s="87"/>
      <c r="H71" s="88"/>
      <c r="I71" s="88"/>
      <c r="J71" s="88"/>
      <c r="K71" s="88"/>
      <c r="L71" s="87"/>
      <c r="M71" s="87"/>
      <c r="N71" s="87"/>
      <c r="O71" s="87"/>
      <c r="P71" s="88"/>
      <c r="Q71" s="88"/>
      <c r="R71" s="88"/>
      <c r="S71" s="88"/>
      <c r="T71" s="65"/>
      <c r="U71" s="65"/>
      <c r="V71" s="65"/>
      <c r="W71" s="65"/>
      <c r="X71" s="7"/>
      <c r="Y71" s="7"/>
      <c r="Z71" s="7"/>
      <c r="AA71" s="7"/>
      <c r="AB71" s="379" t="s">
        <v>
157</v>
      </c>
      <c r="AC71" s="380"/>
      <c r="AD71" s="381"/>
      <c r="AE71" s="349">
        <v>
68751</v>
      </c>
      <c r="AF71" s="350"/>
      <c r="AG71" s="350"/>
      <c r="AH71" s="351"/>
      <c r="AI71" s="352">
        <v>
0.21738114514911308</v>
      </c>
      <c r="AJ71" s="352"/>
      <c r="AK71" s="352"/>
      <c r="AL71" s="352"/>
      <c r="AM71" s="353">
        <v>
68751</v>
      </c>
      <c r="AN71" s="353"/>
      <c r="AO71" s="353"/>
      <c r="AP71" s="349"/>
      <c r="AQ71" s="354">
        <v>
0.43312611201543028</v>
      </c>
      <c r="AR71" s="355"/>
      <c r="AS71" s="355"/>
      <c r="AT71" s="356"/>
      <c r="AU71" s="115" t="s">
        <v>
158</v>
      </c>
      <c r="AV71" s="115"/>
      <c r="AW71" s="115"/>
      <c r="AX71" s="116"/>
      <c r="AY71" s="357">
        <v>
3927423</v>
      </c>
      <c r="AZ71" s="358"/>
      <c r="BA71" s="358"/>
      <c r="BB71" s="359"/>
      <c r="BC71" s="360">
        <v>
12.679481539636594</v>
      </c>
      <c r="BD71" s="361"/>
      <c r="BE71" s="357">
        <v>
2991894</v>
      </c>
      <c r="BF71" s="358"/>
      <c r="BG71" s="358"/>
      <c r="BH71" s="359"/>
      <c r="BI71" s="365">
        <v>
2659014</v>
      </c>
      <c r="BJ71" s="366"/>
      <c r="BK71" s="366"/>
      <c r="BL71" s="366"/>
      <c r="BM71" s="366"/>
      <c r="BN71" s="367"/>
      <c r="BO71" s="354">
        <v>
16.751587549484331</v>
      </c>
      <c r="BP71" s="355"/>
      <c r="BQ71" s="356"/>
    </row>
    <row r="72" spans="1:69" s="2" customFormat="1" ht="15" customHeight="1" x14ac:dyDescent="0.2">
      <c r="A72" s="65"/>
      <c r="B72" s="65"/>
      <c r="C72" s="65"/>
      <c r="D72" s="87"/>
      <c r="E72" s="87"/>
      <c r="F72" s="87"/>
      <c r="G72" s="87"/>
      <c r="H72" s="88"/>
      <c r="I72" s="88"/>
      <c r="J72" s="88"/>
      <c r="K72" s="88"/>
      <c r="L72" s="87"/>
      <c r="M72" s="87"/>
      <c r="N72" s="87"/>
      <c r="O72" s="87"/>
      <c r="P72" s="88"/>
      <c r="Q72" s="88"/>
      <c r="R72" s="88"/>
      <c r="S72" s="88"/>
      <c r="T72" s="65"/>
      <c r="U72" s="65"/>
      <c r="V72" s="65"/>
      <c r="W72" s="65"/>
      <c r="X72" s="7"/>
      <c r="Y72" s="7"/>
      <c r="Z72" s="7"/>
      <c r="AA72" s="7"/>
      <c r="AB72" s="348" t="s">
        <v>
159</v>
      </c>
      <c r="AC72" s="348"/>
      <c r="AD72" s="348"/>
      <c r="AE72" s="349">
        <v>
54401</v>
      </c>
      <c r="AF72" s="350"/>
      <c r="AG72" s="350"/>
      <c r="AH72" s="351"/>
      <c r="AI72" s="352">
        <v>
0.1720084315465506</v>
      </c>
      <c r="AJ72" s="352"/>
      <c r="AK72" s="352"/>
      <c r="AL72" s="352"/>
      <c r="AM72" s="353">
        <v>
54401</v>
      </c>
      <c r="AN72" s="353"/>
      <c r="AO72" s="353"/>
      <c r="AP72" s="349"/>
      <c r="AQ72" s="354">
        <v>
0.34272219487354982</v>
      </c>
      <c r="AR72" s="355"/>
      <c r="AS72" s="355"/>
      <c r="AT72" s="356"/>
      <c r="AU72" s="115" t="s">
        <v>
160</v>
      </c>
      <c r="AV72" s="115"/>
      <c r="AW72" s="115"/>
      <c r="AX72" s="116"/>
      <c r="AY72" s="357">
        <v>
140756</v>
      </c>
      <c r="AZ72" s="358"/>
      <c r="BA72" s="358"/>
      <c r="BB72" s="359"/>
      <c r="BC72" s="360">
        <v>
0.4544234485547109</v>
      </c>
      <c r="BD72" s="361"/>
      <c r="BE72" s="357">
        <v>
135892</v>
      </c>
      <c r="BF72" s="358"/>
      <c r="BG72" s="358"/>
      <c r="BH72" s="359"/>
      <c r="BI72" s="365">
        <v>
135892</v>
      </c>
      <c r="BJ72" s="366"/>
      <c r="BK72" s="366"/>
      <c r="BL72" s="366"/>
      <c r="BM72" s="366"/>
      <c r="BN72" s="367"/>
      <c r="BO72" s="354">
        <v>
0.85610934552225926</v>
      </c>
      <c r="BP72" s="355"/>
      <c r="BQ72" s="356"/>
    </row>
    <row r="73" spans="1:69" s="2" customFormat="1" ht="15" customHeight="1" x14ac:dyDescent="0.2">
      <c r="A73" s="65"/>
      <c r="B73" s="65"/>
      <c r="C73" s="65"/>
      <c r="D73" s="87"/>
      <c r="E73" s="87"/>
      <c r="F73" s="87"/>
      <c r="G73" s="87"/>
      <c r="H73" s="88"/>
      <c r="I73" s="88"/>
      <c r="J73" s="88"/>
      <c r="K73" s="88"/>
      <c r="L73" s="87"/>
      <c r="M73" s="87"/>
      <c r="N73" s="87"/>
      <c r="O73" s="87"/>
      <c r="P73" s="88"/>
      <c r="Q73" s="88"/>
      <c r="R73" s="88"/>
      <c r="S73" s="88"/>
      <c r="T73" s="65"/>
      <c r="U73" s="65"/>
      <c r="V73" s="65"/>
      <c r="W73" s="65"/>
      <c r="X73" s="7"/>
      <c r="Y73" s="7"/>
      <c r="Z73" s="7"/>
      <c r="AA73" s="7"/>
      <c r="AB73" s="159" t="s">
        <v>
161</v>
      </c>
      <c r="AC73" s="160"/>
      <c r="AD73" s="215"/>
      <c r="AE73" s="349">
        <v>
87216</v>
      </c>
      <c r="AF73" s="350"/>
      <c r="AG73" s="350"/>
      <c r="AH73" s="351"/>
      <c r="AI73" s="352">
        <v>
0.27576491913317691</v>
      </c>
      <c r="AJ73" s="352"/>
      <c r="AK73" s="352"/>
      <c r="AL73" s="352"/>
      <c r="AM73" s="353">
        <v>
5548</v>
      </c>
      <c r="AN73" s="353"/>
      <c r="AO73" s="353"/>
      <c r="AP73" s="349"/>
      <c r="AQ73" s="354">
        <v>
3.4951981345167443E-2</v>
      </c>
      <c r="AR73" s="355"/>
      <c r="AS73" s="355"/>
      <c r="AT73" s="356"/>
      <c r="AU73" s="115" t="s">
        <v>
162</v>
      </c>
      <c r="AV73" s="115"/>
      <c r="AW73" s="115"/>
      <c r="AX73" s="116"/>
      <c r="AY73" s="357">
        <v>
2923695</v>
      </c>
      <c r="AZ73" s="358"/>
      <c r="BA73" s="358"/>
      <c r="BB73" s="359"/>
      <c r="BC73" s="360">
        <v>
9.4389977295615513</v>
      </c>
      <c r="BD73" s="361"/>
      <c r="BE73" s="357">
        <v>
1886939</v>
      </c>
      <c r="BF73" s="358"/>
      <c r="BG73" s="358"/>
      <c r="BH73" s="359"/>
      <c r="BI73" s="365">
        <v>
1390890</v>
      </c>
      <c r="BJ73" s="366"/>
      <c r="BK73" s="366"/>
      <c r="BL73" s="366"/>
      <c r="BM73" s="366"/>
      <c r="BN73" s="367"/>
      <c r="BO73" s="354">
        <v>
8.7625020427505316</v>
      </c>
      <c r="BP73" s="355"/>
      <c r="BQ73" s="356"/>
    </row>
    <row r="74" spans="1:69" s="2" customFormat="1" ht="15" customHeight="1" x14ac:dyDescent="0.2">
      <c r="A74" s="15"/>
      <c r="B74" s="94"/>
      <c r="C74" s="94"/>
      <c r="D74" s="87"/>
      <c r="E74" s="87"/>
      <c r="F74" s="87"/>
      <c r="G74" s="87"/>
      <c r="H74" s="88"/>
      <c r="I74" s="88"/>
      <c r="J74" s="88"/>
      <c r="K74" s="88"/>
      <c r="L74" s="87"/>
      <c r="M74" s="87"/>
      <c r="N74" s="87"/>
      <c r="O74" s="87"/>
      <c r="P74" s="88"/>
      <c r="Q74" s="88"/>
      <c r="R74" s="88"/>
      <c r="S74" s="88"/>
      <c r="T74" s="65"/>
      <c r="U74" s="65"/>
      <c r="V74" s="65"/>
      <c r="W74" s="65"/>
      <c r="X74" s="7"/>
      <c r="Y74" s="7"/>
      <c r="Z74" s="7"/>
      <c r="AA74" s="7"/>
      <c r="AB74" s="37"/>
      <c r="AC74" s="382" t="s">
        <v>
163</v>
      </c>
      <c r="AD74" s="382"/>
      <c r="AE74" s="349">
        <v>
5548</v>
      </c>
      <c r="AF74" s="350"/>
      <c r="AG74" s="350"/>
      <c r="AH74" s="351"/>
      <c r="AI74" s="352">
        <v>
1.7542008018607426E-2</v>
      </c>
      <c r="AJ74" s="352"/>
      <c r="AK74" s="352"/>
      <c r="AL74" s="352"/>
      <c r="AM74" s="353">
        <v>
5548</v>
      </c>
      <c r="AN74" s="353"/>
      <c r="AO74" s="353"/>
      <c r="AP74" s="349"/>
      <c r="AQ74" s="354">
        <v>
3.4951981345167443E-2</v>
      </c>
      <c r="AR74" s="355"/>
      <c r="AS74" s="355"/>
      <c r="AT74" s="356"/>
      <c r="AU74" s="115" t="s">
        <v>
164</v>
      </c>
      <c r="AV74" s="115"/>
      <c r="AW74" s="115"/>
      <c r="AX74" s="116"/>
      <c r="AY74" s="357">
        <v>
1019351</v>
      </c>
      <c r="AZ74" s="358"/>
      <c r="BA74" s="358"/>
      <c r="BB74" s="359"/>
      <c r="BC74" s="360">
        <v>
3.2909218556061068</v>
      </c>
      <c r="BD74" s="361"/>
      <c r="BE74" s="357">
        <v>
539969</v>
      </c>
      <c r="BF74" s="358"/>
      <c r="BG74" s="358"/>
      <c r="BH74" s="359"/>
      <c r="BI74" s="365"/>
      <c r="BJ74" s="366"/>
      <c r="BK74" s="366"/>
      <c r="BL74" s="366"/>
      <c r="BM74" s="366"/>
      <c r="BN74" s="367"/>
      <c r="BO74" s="354"/>
      <c r="BP74" s="355"/>
      <c r="BQ74" s="356"/>
    </row>
    <row r="75" spans="1:69" s="2" customFormat="1" ht="15" customHeight="1" x14ac:dyDescent="0.2">
      <c r="A75" s="15"/>
      <c r="B75" s="94"/>
      <c r="C75" s="94"/>
      <c r="D75" s="87"/>
      <c r="E75" s="87"/>
      <c r="F75" s="87"/>
      <c r="G75" s="87"/>
      <c r="H75" s="88"/>
      <c r="I75" s="88"/>
      <c r="J75" s="88"/>
      <c r="K75" s="88"/>
      <c r="L75" s="87"/>
      <c r="M75" s="87"/>
      <c r="N75" s="87"/>
      <c r="O75" s="87"/>
      <c r="P75" s="88"/>
      <c r="Q75" s="88"/>
      <c r="R75" s="88"/>
      <c r="S75" s="88"/>
      <c r="T75" s="13"/>
      <c r="U75" s="13"/>
      <c r="V75" s="13"/>
      <c r="W75" s="13"/>
      <c r="X75" s="7"/>
      <c r="Y75" s="7"/>
      <c r="Z75" s="7"/>
      <c r="AA75" s="7"/>
      <c r="AB75" s="38"/>
      <c r="AC75" s="382" t="s">
        <v>
165</v>
      </c>
      <c r="AD75" s="382"/>
      <c r="AE75" s="349">
        <v>
81668</v>
      </c>
      <c r="AF75" s="350"/>
      <c r="AG75" s="350"/>
      <c r="AH75" s="351"/>
      <c r="AI75" s="352">
        <v>
0.25822291111456946</v>
      </c>
      <c r="AJ75" s="352"/>
      <c r="AK75" s="352"/>
      <c r="AL75" s="352"/>
      <c r="AM75" s="353"/>
      <c r="AN75" s="353"/>
      <c r="AO75" s="353"/>
      <c r="AP75" s="349"/>
      <c r="AQ75" s="354"/>
      <c r="AR75" s="355"/>
      <c r="AS75" s="355"/>
      <c r="AT75" s="356"/>
      <c r="AU75" s="386" t="s">
        <v>
166</v>
      </c>
      <c r="AV75" s="387"/>
      <c r="AW75" s="387"/>
      <c r="AX75" s="388"/>
      <c r="AY75" s="357">
        <v>
25000</v>
      </c>
      <c r="AZ75" s="358"/>
      <c r="BA75" s="358"/>
      <c r="BB75" s="359"/>
      <c r="BC75" s="360">
        <v>
8.0711203883797294E-2</v>
      </c>
      <c r="BD75" s="361"/>
      <c r="BE75" s="357">
        <v>
0</v>
      </c>
      <c r="BF75" s="358"/>
      <c r="BG75" s="358"/>
      <c r="BH75" s="359"/>
      <c r="BI75" s="365">
        <v>
0</v>
      </c>
      <c r="BJ75" s="366"/>
      <c r="BK75" s="366"/>
      <c r="BL75" s="366"/>
      <c r="BM75" s="366"/>
      <c r="BN75" s="367"/>
      <c r="BO75" s="354">
        <v>
0</v>
      </c>
      <c r="BP75" s="355"/>
      <c r="BQ75" s="356"/>
    </row>
    <row r="76" spans="1:69" s="2" customFormat="1" ht="15" customHeight="1" x14ac:dyDescent="0.2">
      <c r="A76" s="15"/>
      <c r="B76" s="94"/>
      <c r="C76" s="94"/>
      <c r="D76" s="87"/>
      <c r="E76" s="87"/>
      <c r="F76" s="87"/>
      <c r="G76" s="87"/>
      <c r="H76" s="88"/>
      <c r="I76" s="88"/>
      <c r="J76" s="88"/>
      <c r="K76" s="88"/>
      <c r="L76" s="87"/>
      <c r="M76" s="87"/>
      <c r="N76" s="87"/>
      <c r="O76" s="87"/>
      <c r="P76" s="88"/>
      <c r="Q76" s="88"/>
      <c r="R76" s="88"/>
      <c r="S76" s="88"/>
      <c r="T76" s="65"/>
      <c r="U76" s="65"/>
      <c r="V76" s="65"/>
      <c r="W76" s="65"/>
      <c r="X76" s="7"/>
      <c r="Y76" s="7"/>
      <c r="Z76" s="7"/>
      <c r="AA76" s="7"/>
      <c r="AB76" s="39"/>
      <c r="AC76" s="382" t="s">
        <v>
167</v>
      </c>
      <c r="AD76" s="382"/>
      <c r="AE76" s="349">
        <v>
0</v>
      </c>
      <c r="AF76" s="350"/>
      <c r="AG76" s="350"/>
      <c r="AH76" s="351"/>
      <c r="AI76" s="352">
        <v>
0</v>
      </c>
      <c r="AJ76" s="352"/>
      <c r="AK76" s="352"/>
      <c r="AL76" s="352"/>
      <c r="AM76" s="353"/>
      <c r="AN76" s="353"/>
      <c r="AO76" s="353"/>
      <c r="AP76" s="349"/>
      <c r="AQ76" s="354"/>
      <c r="AR76" s="355"/>
      <c r="AS76" s="355"/>
      <c r="AT76" s="356"/>
      <c r="AU76" s="115" t="s">
        <v>
168</v>
      </c>
      <c r="AV76" s="115"/>
      <c r="AW76" s="115"/>
      <c r="AX76" s="116"/>
      <c r="AY76" s="357">
        <v>
3618730</v>
      </c>
      <c r="AZ76" s="358"/>
      <c r="BA76" s="358"/>
      <c r="BB76" s="359"/>
      <c r="BC76" s="360">
        <v>
11.682882193216553</v>
      </c>
      <c r="BD76" s="361"/>
      <c r="BE76" s="383">
        <v>
3270965</v>
      </c>
      <c r="BF76" s="383"/>
      <c r="BG76" s="383"/>
      <c r="BH76" s="383"/>
      <c r="BI76" s="384">
        <v>
2528308</v>
      </c>
      <c r="BJ76" s="384"/>
      <c r="BK76" s="384"/>
      <c r="BL76" s="384"/>
      <c r="BM76" s="384"/>
      <c r="BN76" s="384"/>
      <c r="BO76" s="385">
        <v>
15.92814961262394</v>
      </c>
      <c r="BP76" s="385"/>
      <c r="BQ76" s="385"/>
    </row>
    <row r="77" spans="1:69" s="2" customFormat="1" ht="15" customHeight="1" x14ac:dyDescent="0.2">
      <c r="A77" s="13"/>
      <c r="B77" s="13"/>
      <c r="C77" s="13"/>
      <c r="D77" s="87"/>
      <c r="E77" s="87"/>
      <c r="F77" s="87"/>
      <c r="G77" s="87"/>
      <c r="H77" s="88"/>
      <c r="I77" s="88"/>
      <c r="J77" s="88"/>
      <c r="K77" s="88"/>
      <c r="L77" s="87"/>
      <c r="M77" s="87"/>
      <c r="N77" s="87"/>
      <c r="O77" s="87"/>
      <c r="P77" s="88"/>
      <c r="Q77" s="88"/>
      <c r="R77" s="88"/>
      <c r="S77" s="88"/>
      <c r="T77" s="65"/>
      <c r="U77" s="65"/>
      <c r="V77" s="65"/>
      <c r="W77" s="65"/>
      <c r="X77" s="7"/>
      <c r="Y77" s="7"/>
      <c r="Z77" s="7"/>
      <c r="AA77" s="7"/>
      <c r="AB77" s="370" t="s">
        <v>
169</v>
      </c>
      <c r="AC77" s="370"/>
      <c r="AD77" s="370"/>
      <c r="AE77" s="349">
        <v>
8917</v>
      </c>
      <c r="AF77" s="350"/>
      <c r="AG77" s="350"/>
      <c r="AH77" s="351"/>
      <c r="AI77" s="352">
        <v>
2.8194319665090561E-2</v>
      </c>
      <c r="AJ77" s="352"/>
      <c r="AK77" s="352"/>
      <c r="AL77" s="352"/>
      <c r="AM77" s="353">
        <v>
8917</v>
      </c>
      <c r="AN77" s="353"/>
      <c r="AO77" s="353"/>
      <c r="AP77" s="349"/>
      <c r="AQ77" s="354">
        <v>
5.6176427118755971E-2</v>
      </c>
      <c r="AR77" s="355"/>
      <c r="AS77" s="355"/>
      <c r="AT77" s="356"/>
      <c r="AU77" s="115" t="s">
        <v>
170</v>
      </c>
      <c r="AV77" s="115"/>
      <c r="AW77" s="115"/>
      <c r="AX77" s="116"/>
      <c r="AY77" s="357">
        <v>
0</v>
      </c>
      <c r="AZ77" s="358"/>
      <c r="BA77" s="358"/>
      <c r="BB77" s="359"/>
      <c r="BC77" s="360">
        <v>
0</v>
      </c>
      <c r="BD77" s="361"/>
      <c r="BE77" s="383">
        <v>
0</v>
      </c>
      <c r="BF77" s="383"/>
      <c r="BG77" s="383"/>
      <c r="BH77" s="383"/>
      <c r="BI77" s="357"/>
      <c r="BJ77" s="358"/>
      <c r="BK77" s="358"/>
      <c r="BL77" s="358"/>
      <c r="BM77" s="358"/>
      <c r="BN77" s="358"/>
      <c r="BO77" s="358"/>
      <c r="BP77" s="358"/>
      <c r="BQ77" s="359"/>
    </row>
    <row r="78" spans="1:69" s="2" customFormat="1" ht="15" customHeight="1" x14ac:dyDescent="0.2">
      <c r="A78" s="14"/>
      <c r="B78" s="14"/>
      <c r="C78" s="14"/>
      <c r="D78" s="16"/>
      <c r="E78" s="514"/>
      <c r="F78" s="514"/>
      <c r="G78" s="514"/>
      <c r="H78" s="88"/>
      <c r="I78" s="88"/>
      <c r="J78" s="88"/>
      <c r="K78" s="88"/>
      <c r="L78" s="87"/>
      <c r="M78" s="87"/>
      <c r="N78" s="87"/>
      <c r="O78" s="87"/>
      <c r="P78" s="88"/>
      <c r="Q78" s="88"/>
      <c r="R78" s="88"/>
      <c r="S78" s="88"/>
      <c r="T78" s="65"/>
      <c r="U78" s="65"/>
      <c r="V78" s="65"/>
      <c r="W78" s="65"/>
      <c r="X78" s="7"/>
      <c r="Y78" s="7"/>
      <c r="Z78" s="7"/>
      <c r="AA78" s="7"/>
      <c r="AB78" s="392" t="s">
        <v>
171</v>
      </c>
      <c r="AC78" s="392"/>
      <c r="AD78" s="392"/>
      <c r="AE78" s="393">
        <v>
0</v>
      </c>
      <c r="AF78" s="526"/>
      <c r="AG78" s="526"/>
      <c r="AH78" s="527"/>
      <c r="AI78" s="352">
        <v>
0</v>
      </c>
      <c r="AJ78" s="352"/>
      <c r="AK78" s="352"/>
      <c r="AL78" s="352"/>
      <c r="AM78" s="353">
        <v>
0</v>
      </c>
      <c r="AN78" s="353"/>
      <c r="AO78" s="353"/>
      <c r="AP78" s="349"/>
      <c r="AQ78" s="354">
        <v>
0</v>
      </c>
      <c r="AR78" s="355"/>
      <c r="AS78" s="355"/>
      <c r="AT78" s="356"/>
      <c r="AU78" s="160" t="s">
        <v>
172</v>
      </c>
      <c r="AV78" s="160"/>
      <c r="AW78" s="160"/>
      <c r="AX78" s="215"/>
      <c r="AY78" s="357">
        <v>
3454154</v>
      </c>
      <c r="AZ78" s="358"/>
      <c r="BA78" s="358"/>
      <c r="BB78" s="359"/>
      <c r="BC78" s="360">
        <v>
11.151557109601359</v>
      </c>
      <c r="BD78" s="361"/>
      <c r="BE78" s="383">
        <v>
226061</v>
      </c>
      <c r="BF78" s="383"/>
      <c r="BG78" s="383"/>
      <c r="BH78" s="365"/>
      <c r="BI78" s="389" t="s">
        <v>
173</v>
      </c>
      <c r="BJ78" s="390"/>
      <c r="BK78" s="390"/>
      <c r="BL78" s="390"/>
      <c r="BM78" s="390"/>
      <c r="BN78" s="390"/>
      <c r="BO78" s="390"/>
      <c r="BP78" s="390"/>
      <c r="BQ78" s="391"/>
    </row>
    <row r="79" spans="1:69" s="2" customFormat="1" ht="15" customHeight="1" x14ac:dyDescent="0.2">
      <c r="A79" s="94"/>
      <c r="B79" s="94"/>
      <c r="C79" s="94"/>
      <c r="D79" s="87"/>
      <c r="E79" s="87"/>
      <c r="F79" s="87"/>
      <c r="G79" s="87"/>
      <c r="H79" s="88"/>
      <c r="I79" s="88"/>
      <c r="J79" s="88"/>
      <c r="K79" s="88"/>
      <c r="L79" s="87"/>
      <c r="M79" s="87"/>
      <c r="N79" s="87"/>
      <c r="O79" s="87"/>
      <c r="P79" s="88"/>
      <c r="Q79" s="88"/>
      <c r="R79" s="88"/>
      <c r="S79" s="88"/>
      <c r="T79" s="65"/>
      <c r="U79" s="94"/>
      <c r="V79" s="94"/>
      <c r="W79" s="94"/>
      <c r="X79" s="7"/>
      <c r="Y79" s="7"/>
      <c r="Z79" s="7"/>
      <c r="AA79" s="7"/>
      <c r="AB79" s="125" t="s">
        <v>
155</v>
      </c>
      <c r="AC79" s="126"/>
      <c r="AD79" s="127"/>
      <c r="AE79" s="349">
        <v>
16928277</v>
      </c>
      <c r="AF79" s="350"/>
      <c r="AG79" s="350"/>
      <c r="AH79" s="351"/>
      <c r="AI79" s="352">
        <v>
53.524868578804565</v>
      </c>
      <c r="AJ79" s="352"/>
      <c r="AK79" s="352"/>
      <c r="AL79" s="352"/>
      <c r="AM79" s="353">
        <v>
15573829</v>
      </c>
      <c r="AN79" s="353"/>
      <c r="AO79" s="353"/>
      <c r="AP79" s="349"/>
      <c r="AQ79" s="354">
        <v>
98.113947491136955</v>
      </c>
      <c r="AR79" s="355"/>
      <c r="AS79" s="355"/>
      <c r="AT79" s="356"/>
      <c r="AU79" s="40"/>
      <c r="AV79" s="187" t="s">
        <v>
174</v>
      </c>
      <c r="AW79" s="126"/>
      <c r="AX79" s="127"/>
      <c r="AY79" s="357">
        <v>
98763</v>
      </c>
      <c r="AZ79" s="358"/>
      <c r="BA79" s="358"/>
      <c r="BB79" s="359"/>
      <c r="BC79" s="360">
        <v>
0.31885122516701891</v>
      </c>
      <c r="BD79" s="361"/>
      <c r="BE79" s="357">
        <v>
98763</v>
      </c>
      <c r="BF79" s="358"/>
      <c r="BG79" s="358"/>
      <c r="BH79" s="358"/>
      <c r="BI79" s="406"/>
      <c r="BJ79" s="407"/>
      <c r="BK79" s="407"/>
      <c r="BL79" s="407"/>
      <c r="BM79" s="407"/>
      <c r="BN79" s="407"/>
      <c r="BO79" s="407"/>
      <c r="BP79" s="407"/>
      <c r="BQ79" s="408"/>
    </row>
    <row r="80" spans="1:69" s="2" customFormat="1" ht="15" customHeight="1" x14ac:dyDescent="0.2">
      <c r="A80" s="65"/>
      <c r="B80" s="65"/>
      <c r="C80" s="65"/>
      <c r="D80" s="87"/>
      <c r="E80" s="87"/>
      <c r="F80" s="87"/>
      <c r="G80" s="87"/>
      <c r="H80" s="88"/>
      <c r="I80" s="88"/>
      <c r="J80" s="88"/>
      <c r="K80" s="88"/>
      <c r="L80" s="87"/>
      <c r="M80" s="87"/>
      <c r="N80" s="87"/>
      <c r="O80" s="87"/>
      <c r="P80" s="88"/>
      <c r="Q80" s="88"/>
      <c r="R80" s="88"/>
      <c r="S80" s="88"/>
      <c r="T80" s="17"/>
      <c r="U80" s="17"/>
      <c r="V80" s="13"/>
      <c r="W80" s="13"/>
      <c r="X80" s="7"/>
      <c r="Y80" s="7"/>
      <c r="Z80" s="7"/>
      <c r="AA80" s="7"/>
      <c r="AB80" s="348" t="s">
        <v>
175</v>
      </c>
      <c r="AC80" s="348"/>
      <c r="AD80" s="348"/>
      <c r="AE80" s="349">
        <v>
308856</v>
      </c>
      <c r="AF80" s="350"/>
      <c r="AG80" s="350"/>
      <c r="AH80" s="351"/>
      <c r="AI80" s="352">
        <v>
0.97655991863644842</v>
      </c>
      <c r="AJ80" s="352"/>
      <c r="AK80" s="352"/>
      <c r="AL80" s="352"/>
      <c r="AM80" s="353">
        <v>
0</v>
      </c>
      <c r="AN80" s="353"/>
      <c r="AO80" s="353"/>
      <c r="AP80" s="349"/>
      <c r="AQ80" s="354">
        <v>
0</v>
      </c>
      <c r="AR80" s="355"/>
      <c r="AS80" s="355"/>
      <c r="AT80" s="356"/>
      <c r="AU80" s="394" t="s">
        <v>
176</v>
      </c>
      <c r="AV80" s="395"/>
      <c r="AW80" s="400" t="s">
        <v>
177</v>
      </c>
      <c r="AX80" s="401"/>
      <c r="AY80" s="357">
        <v>
3435648</v>
      </c>
      <c r="AZ80" s="358"/>
      <c r="BA80" s="358"/>
      <c r="BB80" s="359"/>
      <c r="BC80" s="360">
        <v>
11.091811448038417</v>
      </c>
      <c r="BD80" s="361"/>
      <c r="BE80" s="357">
        <v>
224788</v>
      </c>
      <c r="BF80" s="358"/>
      <c r="BG80" s="358"/>
      <c r="BH80" s="358"/>
      <c r="BI80" s="402">
        <v>
18413134</v>
      </c>
      <c r="BJ80" s="403"/>
      <c r="BK80" s="403"/>
      <c r="BL80" s="403"/>
      <c r="BM80" s="403"/>
      <c r="BN80" s="403"/>
      <c r="BO80" s="403"/>
      <c r="BP80" s="404" t="s">
        <v>
21</v>
      </c>
      <c r="BQ80" s="405"/>
    </row>
    <row r="81" spans="1:69" s="2" customFormat="1" ht="15" customHeight="1" x14ac:dyDescent="0.2">
      <c r="A81" s="65"/>
      <c r="B81" s="65"/>
      <c r="C81" s="65"/>
      <c r="D81" s="87"/>
      <c r="E81" s="87"/>
      <c r="F81" s="87"/>
      <c r="G81" s="87"/>
      <c r="H81" s="88"/>
      <c r="I81" s="88"/>
      <c r="J81" s="88"/>
      <c r="K81" s="88"/>
      <c r="L81" s="87"/>
      <c r="M81" s="87"/>
      <c r="N81" s="87"/>
      <c r="O81" s="87"/>
      <c r="P81" s="88"/>
      <c r="Q81" s="88"/>
      <c r="R81" s="88"/>
      <c r="S81" s="88"/>
      <c r="T81" s="17"/>
      <c r="U81" s="17"/>
      <c r="V81" s="13"/>
      <c r="W81" s="94"/>
      <c r="X81" s="7"/>
      <c r="Y81" s="7"/>
      <c r="Z81" s="7"/>
      <c r="AA81" s="7"/>
      <c r="AB81" s="348" t="s">
        <v>
178</v>
      </c>
      <c r="AC81" s="348"/>
      <c r="AD81" s="348"/>
      <c r="AE81" s="349">
        <v>
418087</v>
      </c>
      <c r="AF81" s="350"/>
      <c r="AG81" s="350"/>
      <c r="AH81" s="351"/>
      <c r="AI81" s="352">
        <v>
1.3219332203452638</v>
      </c>
      <c r="AJ81" s="352"/>
      <c r="AK81" s="352"/>
      <c r="AL81" s="352"/>
      <c r="AM81" s="353">
        <v>
179782</v>
      </c>
      <c r="AN81" s="353"/>
      <c r="AO81" s="353"/>
      <c r="AP81" s="349"/>
      <c r="AQ81" s="354">
        <v>
1.132613033561084</v>
      </c>
      <c r="AR81" s="355"/>
      <c r="AS81" s="355"/>
      <c r="AT81" s="356"/>
      <c r="AU81" s="396"/>
      <c r="AV81" s="397"/>
      <c r="AW81" s="409"/>
      <c r="AX81" s="97" t="s">
        <v>
179</v>
      </c>
      <c r="AY81" s="357">
        <v>
1349002</v>
      </c>
      <c r="AZ81" s="358"/>
      <c r="BA81" s="358"/>
      <c r="BB81" s="359"/>
      <c r="BC81" s="360">
        <v>
4.355183018466013</v>
      </c>
      <c r="BD81" s="361"/>
      <c r="BE81" s="357">
        <v>
40467</v>
      </c>
      <c r="BF81" s="358"/>
      <c r="BG81" s="358"/>
      <c r="BH81" s="358"/>
      <c r="BI81" s="406"/>
      <c r="BJ81" s="407"/>
      <c r="BK81" s="407"/>
      <c r="BL81" s="407"/>
      <c r="BM81" s="407"/>
      <c r="BN81" s="407"/>
      <c r="BO81" s="407"/>
      <c r="BP81" s="407"/>
      <c r="BQ81" s="408"/>
    </row>
    <row r="82" spans="1:69" s="2" customFormat="1" ht="15" customHeight="1" x14ac:dyDescent="0.2">
      <c r="A82" s="65"/>
      <c r="B82" s="65"/>
      <c r="C82" s="65"/>
      <c r="D82" s="87"/>
      <c r="E82" s="87"/>
      <c r="F82" s="87"/>
      <c r="G82" s="87"/>
      <c r="H82" s="88"/>
      <c r="I82" s="88"/>
      <c r="J82" s="88"/>
      <c r="K82" s="88"/>
      <c r="L82" s="87"/>
      <c r="M82" s="87"/>
      <c r="N82" s="87"/>
      <c r="O82" s="87"/>
      <c r="P82" s="88"/>
      <c r="Q82" s="88"/>
      <c r="R82" s="88"/>
      <c r="S82" s="88"/>
      <c r="T82" s="17"/>
      <c r="U82" s="17"/>
      <c r="V82" s="13"/>
      <c r="W82" s="94"/>
      <c r="X82" s="7"/>
      <c r="Y82" s="7"/>
      <c r="Z82" s="7"/>
      <c r="AA82" s="7"/>
      <c r="AB82" s="348" t="s">
        <v>
180</v>
      </c>
      <c r="AC82" s="348"/>
      <c r="AD82" s="348"/>
      <c r="AE82" s="349">
        <v>
372005</v>
      </c>
      <c r="AF82" s="350"/>
      <c r="AG82" s="350"/>
      <c r="AH82" s="351"/>
      <c r="AI82" s="352">
        <v>
1.1762283152418993</v>
      </c>
      <c r="AJ82" s="352"/>
      <c r="AK82" s="352"/>
      <c r="AL82" s="352"/>
      <c r="AM82" s="353">
        <v>
0</v>
      </c>
      <c r="AN82" s="353"/>
      <c r="AO82" s="353"/>
      <c r="AP82" s="349"/>
      <c r="AQ82" s="354">
        <v>
0</v>
      </c>
      <c r="AR82" s="355"/>
      <c r="AS82" s="355"/>
      <c r="AT82" s="356"/>
      <c r="AU82" s="396"/>
      <c r="AV82" s="397"/>
      <c r="AW82" s="409"/>
      <c r="AX82" s="97" t="s">
        <v>
181</v>
      </c>
      <c r="AY82" s="357">
        <v>
2086646</v>
      </c>
      <c r="AZ82" s="358"/>
      <c r="BA82" s="358"/>
      <c r="BB82" s="359"/>
      <c r="BC82" s="360">
        <v>
6.7366284295724039</v>
      </c>
      <c r="BD82" s="361"/>
      <c r="BE82" s="357">
        <v>
184321</v>
      </c>
      <c r="BF82" s="358"/>
      <c r="BG82" s="358"/>
      <c r="BH82" s="358"/>
      <c r="BI82" s="411" t="s">
        <v>
182</v>
      </c>
      <c r="BJ82" s="412"/>
      <c r="BK82" s="412"/>
      <c r="BL82" s="412"/>
      <c r="BM82" s="412"/>
      <c r="BN82" s="412"/>
      <c r="BO82" s="412"/>
      <c r="BP82" s="412"/>
      <c r="BQ82" s="413"/>
    </row>
    <row r="83" spans="1:69" s="2" customFormat="1" ht="15" customHeight="1" x14ac:dyDescent="0.2">
      <c r="A83" s="65"/>
      <c r="B83" s="65"/>
      <c r="C83" s="65"/>
      <c r="D83" s="87"/>
      <c r="E83" s="87"/>
      <c r="F83" s="87"/>
      <c r="G83" s="87"/>
      <c r="H83" s="88"/>
      <c r="I83" s="88"/>
      <c r="J83" s="88"/>
      <c r="K83" s="88"/>
      <c r="L83" s="87"/>
      <c r="M83" s="87"/>
      <c r="N83" s="87"/>
      <c r="O83" s="87"/>
      <c r="P83" s="88"/>
      <c r="Q83" s="88"/>
      <c r="R83" s="88"/>
      <c r="S83" s="88"/>
      <c r="T83" s="17"/>
      <c r="U83" s="17"/>
      <c r="V83" s="13"/>
      <c r="W83" s="94"/>
      <c r="X83" s="7"/>
      <c r="Y83" s="7"/>
      <c r="Z83" s="7"/>
      <c r="AA83" s="7"/>
      <c r="AB83" s="348" t="s">
        <v>
183</v>
      </c>
      <c r="AC83" s="348"/>
      <c r="AD83" s="348"/>
      <c r="AE83" s="349">
        <v>
5315369</v>
      </c>
      <c r="AF83" s="350"/>
      <c r="AG83" s="350"/>
      <c r="AH83" s="351"/>
      <c r="AI83" s="352">
        <v>
16.806460998532327</v>
      </c>
      <c r="AJ83" s="352"/>
      <c r="AK83" s="352"/>
      <c r="AL83" s="352"/>
      <c r="AM83" s="353"/>
      <c r="AN83" s="353"/>
      <c r="AO83" s="353"/>
      <c r="AP83" s="349"/>
      <c r="AQ83" s="354"/>
      <c r="AR83" s="355"/>
      <c r="AS83" s="355"/>
      <c r="AT83" s="356"/>
      <c r="AU83" s="396"/>
      <c r="AV83" s="397"/>
      <c r="AW83" s="410"/>
      <c r="AX83" s="97" t="s">
        <v>
184</v>
      </c>
      <c r="AY83" s="357">
        <v>
0</v>
      </c>
      <c r="AZ83" s="358"/>
      <c r="BA83" s="358"/>
      <c r="BB83" s="359"/>
      <c r="BC83" s="360">
        <v>
0</v>
      </c>
      <c r="BD83" s="361"/>
      <c r="BE83" s="357">
        <v>
0</v>
      </c>
      <c r="BF83" s="358"/>
      <c r="BG83" s="358"/>
      <c r="BH83" s="358"/>
      <c r="BI83" s="414">
        <v>
15276524</v>
      </c>
      <c r="BJ83" s="415"/>
      <c r="BK83" s="415"/>
      <c r="BL83" s="415"/>
      <c r="BM83" s="415"/>
      <c r="BN83" s="415"/>
      <c r="BO83" s="415"/>
      <c r="BP83" s="416" t="s">
        <v>
21</v>
      </c>
      <c r="BQ83" s="417"/>
    </row>
    <row r="84" spans="1:69" s="2" customFormat="1" ht="15" customHeight="1" x14ac:dyDescent="0.2">
      <c r="A84" s="65"/>
      <c r="B84" s="65"/>
      <c r="C84" s="65"/>
      <c r="D84" s="87"/>
      <c r="E84" s="87"/>
      <c r="F84" s="87"/>
      <c r="G84" s="87"/>
      <c r="H84" s="88"/>
      <c r="I84" s="88"/>
      <c r="J84" s="88"/>
      <c r="K84" s="88"/>
      <c r="L84" s="87"/>
      <c r="M84" s="87"/>
      <c r="N84" s="87"/>
      <c r="O84" s="87"/>
      <c r="P84" s="88"/>
      <c r="Q84" s="88"/>
      <c r="R84" s="88"/>
      <c r="S84" s="88"/>
      <c r="T84" s="17"/>
      <c r="U84" s="17"/>
      <c r="V84" s="13"/>
      <c r="W84" s="13"/>
      <c r="X84" s="7"/>
      <c r="Y84" s="7"/>
      <c r="Z84" s="7"/>
      <c r="AA84" s="7"/>
      <c r="AB84" s="348" t="s">
        <v>
185</v>
      </c>
      <c r="AC84" s="348"/>
      <c r="AD84" s="348"/>
      <c r="AE84" s="349">
        <v>
4579026</v>
      </c>
      <c r="AF84" s="350"/>
      <c r="AG84" s="350"/>
      <c r="AH84" s="351"/>
      <c r="AI84" s="352">
        <v>
14.478246360744754</v>
      </c>
      <c r="AJ84" s="352"/>
      <c r="AK84" s="352"/>
      <c r="AL84" s="352"/>
      <c r="AM84" s="353"/>
      <c r="AN84" s="353"/>
      <c r="AO84" s="353"/>
      <c r="AP84" s="349"/>
      <c r="AQ84" s="354"/>
      <c r="AR84" s="355"/>
      <c r="AS84" s="355"/>
      <c r="AT84" s="356"/>
      <c r="AU84" s="396"/>
      <c r="AV84" s="397"/>
      <c r="AW84" s="418" t="s">
        <v>
186</v>
      </c>
      <c r="AX84" s="419"/>
      <c r="AY84" s="357">
        <v>
18506</v>
      </c>
      <c r="AZ84" s="358"/>
      <c r="BA84" s="358"/>
      <c r="BB84" s="359"/>
      <c r="BC84" s="360">
        <v>
5.9745661562942115E-2</v>
      </c>
      <c r="BD84" s="361"/>
      <c r="BE84" s="357">
        <v>
1273</v>
      </c>
      <c r="BF84" s="358"/>
      <c r="BG84" s="358"/>
      <c r="BH84" s="358"/>
      <c r="BI84" s="414"/>
      <c r="BJ84" s="415"/>
      <c r="BK84" s="415"/>
      <c r="BL84" s="415"/>
      <c r="BM84" s="415"/>
      <c r="BN84" s="415"/>
      <c r="BO84" s="415"/>
      <c r="BP84" s="416"/>
      <c r="BQ84" s="417"/>
    </row>
    <row r="85" spans="1:69" s="2" customFormat="1" ht="15" customHeight="1" x14ac:dyDescent="0.2">
      <c r="A85" s="65"/>
      <c r="B85" s="65"/>
      <c r="C85" s="65"/>
      <c r="D85" s="87"/>
      <c r="E85" s="87"/>
      <c r="F85" s="87"/>
      <c r="G85" s="87"/>
      <c r="H85" s="88"/>
      <c r="I85" s="88"/>
      <c r="J85" s="88"/>
      <c r="K85" s="88"/>
      <c r="L85" s="87"/>
      <c r="M85" s="87"/>
      <c r="N85" s="87"/>
      <c r="O85" s="87"/>
      <c r="P85" s="88"/>
      <c r="Q85" s="88"/>
      <c r="R85" s="88"/>
      <c r="S85" s="88"/>
      <c r="T85" s="17"/>
      <c r="U85" s="17"/>
      <c r="V85" s="13"/>
      <c r="W85" s="13"/>
      <c r="X85" s="7"/>
      <c r="Y85" s="7"/>
      <c r="Z85" s="7"/>
      <c r="AA85" s="7"/>
      <c r="AB85" s="348" t="s">
        <v>
187</v>
      </c>
      <c r="AC85" s="348"/>
      <c r="AD85" s="348"/>
      <c r="AE85" s="349">
        <v>
593666</v>
      </c>
      <c r="AF85" s="350"/>
      <c r="AG85" s="350"/>
      <c r="AH85" s="351"/>
      <c r="AI85" s="352">
        <v>
1.8770897138382476</v>
      </c>
      <c r="AJ85" s="352"/>
      <c r="AK85" s="352"/>
      <c r="AL85" s="352"/>
      <c r="AM85" s="353">
        <v>
115835</v>
      </c>
      <c r="AN85" s="353"/>
      <c r="AO85" s="353"/>
      <c r="AP85" s="349"/>
      <c r="AQ85" s="354">
        <v>
0.72975175903343026</v>
      </c>
      <c r="AR85" s="355"/>
      <c r="AS85" s="355"/>
      <c r="AT85" s="356"/>
      <c r="AU85" s="398"/>
      <c r="AV85" s="399"/>
      <c r="AW85" s="418" t="s">
        <v>
188</v>
      </c>
      <c r="AX85" s="419"/>
      <c r="AY85" s="357">
        <v>
0</v>
      </c>
      <c r="AZ85" s="358"/>
      <c r="BA85" s="358"/>
      <c r="BB85" s="359"/>
      <c r="BC85" s="360">
        <v>
0</v>
      </c>
      <c r="BD85" s="361"/>
      <c r="BE85" s="357">
        <v>
0</v>
      </c>
      <c r="BF85" s="358"/>
      <c r="BG85" s="358"/>
      <c r="BH85" s="358"/>
      <c r="BI85" s="420" t="s">
        <v>
189</v>
      </c>
      <c r="BJ85" s="421"/>
      <c r="BK85" s="421"/>
      <c r="BL85" s="421"/>
      <c r="BM85" s="421"/>
      <c r="BN85" s="421"/>
      <c r="BO85" s="421"/>
      <c r="BP85" s="421"/>
      <c r="BQ85" s="422"/>
    </row>
    <row r="86" spans="1:69" s="2" customFormat="1" ht="15" customHeight="1" x14ac:dyDescent="0.2">
      <c r="A86" s="65"/>
      <c r="B86" s="65"/>
      <c r="C86" s="65"/>
      <c r="D86" s="87"/>
      <c r="E86" s="87"/>
      <c r="F86" s="87"/>
      <c r="G86" s="87"/>
      <c r="H86" s="88"/>
      <c r="I86" s="88"/>
      <c r="J86" s="88"/>
      <c r="K86" s="88"/>
      <c r="L86" s="87"/>
      <c r="M86" s="87"/>
      <c r="N86" s="87"/>
      <c r="O86" s="87"/>
      <c r="P86" s="88"/>
      <c r="Q86" s="88"/>
      <c r="R86" s="88"/>
      <c r="S86" s="88"/>
      <c r="T86" s="94"/>
      <c r="U86" s="94"/>
      <c r="V86" s="94"/>
      <c r="W86" s="94"/>
      <c r="X86" s="7"/>
      <c r="Y86" s="7"/>
      <c r="Z86" s="7"/>
      <c r="AA86" s="7"/>
      <c r="AB86" s="348" t="s">
        <v>
190</v>
      </c>
      <c r="AC86" s="348"/>
      <c r="AD86" s="348"/>
      <c r="AE86" s="349">
        <v>
77031</v>
      </c>
      <c r="AF86" s="350"/>
      <c r="AG86" s="350"/>
      <c r="AH86" s="351"/>
      <c r="AI86" s="352">
        <v>
0.24356135899087036</v>
      </c>
      <c r="AJ86" s="352"/>
      <c r="AK86" s="352"/>
      <c r="AL86" s="352"/>
      <c r="AM86" s="353"/>
      <c r="AN86" s="353"/>
      <c r="AO86" s="353"/>
      <c r="AP86" s="349"/>
      <c r="AQ86" s="354"/>
      <c r="AR86" s="355"/>
      <c r="AS86" s="355"/>
      <c r="AT86" s="356"/>
      <c r="AU86" s="126" t="s">
        <v>
101</v>
      </c>
      <c r="AV86" s="126"/>
      <c r="AW86" s="126"/>
      <c r="AX86" s="127"/>
      <c r="AY86" s="357">
        <v>
30974634</v>
      </c>
      <c r="AZ86" s="358"/>
      <c r="BA86" s="358"/>
      <c r="BB86" s="359"/>
      <c r="BC86" s="360">
        <v>
100</v>
      </c>
      <c r="BD86" s="361"/>
      <c r="BE86" s="357">
        <v>
17760830</v>
      </c>
      <c r="BF86" s="358"/>
      <c r="BG86" s="358"/>
      <c r="BH86" s="358"/>
      <c r="BI86" s="420" t="s">
        <v>
191</v>
      </c>
      <c r="BJ86" s="421"/>
      <c r="BK86" s="421"/>
      <c r="BL86" s="421"/>
      <c r="BM86" s="421"/>
      <c r="BN86" s="421"/>
      <c r="BO86" s="421"/>
      <c r="BP86" s="421"/>
      <c r="BQ86" s="422"/>
    </row>
    <row r="87" spans="1:69" s="2" customFormat="1" ht="15" customHeight="1" x14ac:dyDescent="0.2">
      <c r="A87" s="65"/>
      <c r="B87" s="65"/>
      <c r="C87" s="65"/>
      <c r="D87" s="87"/>
      <c r="E87" s="87"/>
      <c r="F87" s="87"/>
      <c r="G87" s="87"/>
      <c r="H87" s="88"/>
      <c r="I87" s="88"/>
      <c r="J87" s="88"/>
      <c r="K87" s="88"/>
      <c r="L87" s="87"/>
      <c r="M87" s="87"/>
      <c r="N87" s="87"/>
      <c r="O87" s="87"/>
      <c r="P87" s="88"/>
      <c r="Q87" s="88"/>
      <c r="R87" s="88"/>
      <c r="S87" s="88"/>
      <c r="T87" s="94"/>
      <c r="U87" s="94"/>
      <c r="V87" s="94"/>
      <c r="W87" s="94"/>
      <c r="X87" s="7"/>
      <c r="Y87" s="7"/>
      <c r="Z87" s="7"/>
      <c r="AA87" s="7"/>
      <c r="AB87" s="348" t="s">
        <v>
192</v>
      </c>
      <c r="AC87" s="348"/>
      <c r="AD87" s="348"/>
      <c r="AE87" s="349">
        <v>
1100199</v>
      </c>
      <c r="AF87" s="350"/>
      <c r="AG87" s="350"/>
      <c r="AH87" s="351"/>
      <c r="AI87" s="352">
        <v>
3.478676943054051</v>
      </c>
      <c r="AJ87" s="352"/>
      <c r="AK87" s="352"/>
      <c r="AL87" s="352"/>
      <c r="AM87" s="353"/>
      <c r="AN87" s="353"/>
      <c r="AO87" s="353"/>
      <c r="AP87" s="349"/>
      <c r="AQ87" s="354"/>
      <c r="AR87" s="355"/>
      <c r="AS87" s="355"/>
      <c r="AT87" s="355"/>
      <c r="AU87" s="187"/>
      <c r="AV87" s="188"/>
      <c r="AW87" s="188"/>
      <c r="AX87" s="188"/>
      <c r="AY87" s="358"/>
      <c r="AZ87" s="358"/>
      <c r="BA87" s="358"/>
      <c r="BB87" s="358"/>
      <c r="BC87" s="423"/>
      <c r="BD87" s="423"/>
      <c r="BE87" s="358"/>
      <c r="BF87" s="358"/>
      <c r="BG87" s="358"/>
      <c r="BH87" s="359"/>
      <c r="BI87" s="421" t="s">
        <v>
193</v>
      </c>
      <c r="BJ87" s="421"/>
      <c r="BK87" s="421"/>
      <c r="BL87" s="421"/>
      <c r="BM87" s="421"/>
      <c r="BN87" s="421"/>
      <c r="BO87" s="421"/>
      <c r="BP87" s="421"/>
      <c r="BQ87" s="422"/>
    </row>
    <row r="88" spans="1:69" s="2" customFormat="1" ht="15" customHeight="1" x14ac:dyDescent="0.2">
      <c r="A88" s="65"/>
      <c r="B88" s="65"/>
      <c r="C88" s="65"/>
      <c r="D88" s="87"/>
      <c r="E88" s="87"/>
      <c r="F88" s="87"/>
      <c r="G88" s="87"/>
      <c r="H88" s="88"/>
      <c r="I88" s="88"/>
      <c r="J88" s="88"/>
      <c r="K88" s="88"/>
      <c r="L88" s="87"/>
      <c r="M88" s="87"/>
      <c r="N88" s="87"/>
      <c r="O88" s="87"/>
      <c r="P88" s="88"/>
      <c r="Q88" s="88"/>
      <c r="R88" s="88"/>
      <c r="S88" s="88"/>
      <c r="AB88" s="348" t="s">
        <v>
194</v>
      </c>
      <c r="AC88" s="348"/>
      <c r="AD88" s="348"/>
      <c r="AE88" s="349">
        <v>
578639</v>
      </c>
      <c r="AF88" s="350"/>
      <c r="AG88" s="350"/>
      <c r="AH88" s="351"/>
      <c r="AI88" s="352">
        <v>
1.8295764199493483</v>
      </c>
      <c r="AJ88" s="352"/>
      <c r="AK88" s="352"/>
      <c r="AL88" s="352"/>
      <c r="AM88" s="353"/>
      <c r="AN88" s="353"/>
      <c r="AO88" s="353"/>
      <c r="AP88" s="349"/>
      <c r="AQ88" s="354"/>
      <c r="AR88" s="355"/>
      <c r="AS88" s="355"/>
      <c r="AT88" s="356"/>
      <c r="AU88" s="41"/>
      <c r="BH88" s="42"/>
      <c r="BI88" s="420" t="s">
        <v>
195</v>
      </c>
      <c r="BJ88" s="421"/>
      <c r="BK88" s="421"/>
      <c r="BL88" s="421"/>
      <c r="BM88" s="421"/>
      <c r="BN88" s="421"/>
      <c r="BO88" s="421"/>
      <c r="BP88" s="421"/>
      <c r="BQ88" s="422"/>
    </row>
    <row r="89" spans="1:69" s="2" customFormat="1" ht="15" customHeight="1" x14ac:dyDescent="0.2">
      <c r="A89" s="65"/>
      <c r="B89" s="65"/>
      <c r="C89" s="65"/>
      <c r="D89" s="87"/>
      <c r="E89" s="87"/>
      <c r="F89" s="87"/>
      <c r="G89" s="87"/>
      <c r="H89" s="88"/>
      <c r="I89" s="88"/>
      <c r="J89" s="88"/>
      <c r="K89" s="88"/>
      <c r="L89" s="87"/>
      <c r="M89" s="87"/>
      <c r="N89" s="87"/>
      <c r="O89" s="87"/>
      <c r="P89" s="88"/>
      <c r="Q89" s="88"/>
      <c r="R89" s="88"/>
      <c r="S89" s="88"/>
      <c r="AB89" s="436" t="s">
        <v>
196</v>
      </c>
      <c r="AC89" s="436"/>
      <c r="AD89" s="159"/>
      <c r="AE89" s="349">
        <v>
255083</v>
      </c>
      <c r="AF89" s="350"/>
      <c r="AG89" s="350"/>
      <c r="AH89" s="351"/>
      <c r="AI89" s="352">
        <v>
0.80653713615905531</v>
      </c>
      <c r="AJ89" s="352"/>
      <c r="AK89" s="352"/>
      <c r="AL89" s="352"/>
      <c r="AM89" s="353">
        <v>
3760</v>
      </c>
      <c r="AN89" s="353"/>
      <c r="AO89" s="353"/>
      <c r="AP89" s="349"/>
      <c r="AQ89" s="424">
        <v>
2.3687716268534536E-2</v>
      </c>
      <c r="AR89" s="425"/>
      <c r="AS89" s="425"/>
      <c r="AT89" s="426"/>
      <c r="AU89" s="41"/>
      <c r="BH89" s="42"/>
      <c r="BI89" s="433">
        <v>
96.240948425919754</v>
      </c>
      <c r="BJ89" s="434"/>
      <c r="BK89" s="434"/>
      <c r="BL89" s="434"/>
      <c r="BM89" s="434"/>
      <c r="BN89" s="434"/>
      <c r="BO89" s="434"/>
      <c r="BP89" s="412" t="s">
        <v>
23</v>
      </c>
      <c r="BQ89" s="413"/>
    </row>
    <row r="90" spans="1:69" s="2" customFormat="1" ht="15" customHeight="1" x14ac:dyDescent="0.2">
      <c r="A90" s="65"/>
      <c r="B90" s="65"/>
      <c r="C90" s="65"/>
      <c r="D90" s="87"/>
      <c r="E90" s="514"/>
      <c r="F90" s="514"/>
      <c r="G90" s="514"/>
      <c r="H90" s="88"/>
      <c r="I90" s="88"/>
      <c r="J90" s="88"/>
      <c r="K90" s="88"/>
      <c r="L90" s="87"/>
      <c r="M90" s="87"/>
      <c r="N90" s="87"/>
      <c r="O90" s="87"/>
      <c r="P90" s="88"/>
      <c r="Q90" s="88"/>
      <c r="R90" s="88"/>
      <c r="S90" s="88"/>
      <c r="AB90" s="159" t="s">
        <v>
197</v>
      </c>
      <c r="AC90" s="115"/>
      <c r="AD90" s="116"/>
      <c r="AE90" s="349">
        <v>
1100700</v>
      </c>
      <c r="AF90" s="526"/>
      <c r="AG90" s="526"/>
      <c r="AH90" s="527"/>
      <c r="AI90" s="424">
        <v>
3.4802610357031716</v>
      </c>
      <c r="AJ90" s="425"/>
      <c r="AK90" s="425"/>
      <c r="AL90" s="426"/>
      <c r="AM90" s="427"/>
      <c r="AN90" s="428"/>
      <c r="AO90" s="428"/>
      <c r="AP90" s="429"/>
      <c r="AQ90" s="430"/>
      <c r="AR90" s="431"/>
      <c r="AS90" s="431"/>
      <c r="AT90" s="432"/>
      <c r="AU90" s="41"/>
      <c r="BH90" s="42"/>
      <c r="BI90" s="433"/>
      <c r="BJ90" s="434"/>
      <c r="BK90" s="434"/>
      <c r="BL90" s="434"/>
      <c r="BM90" s="434"/>
      <c r="BN90" s="434"/>
      <c r="BO90" s="434"/>
      <c r="BP90" s="434"/>
      <c r="BQ90" s="435"/>
    </row>
    <row r="91" spans="1:69" s="2" customFormat="1" ht="15" customHeight="1" x14ac:dyDescent="0.2">
      <c r="A91" s="19"/>
      <c r="B91" s="19"/>
      <c r="C91" s="19"/>
      <c r="D91" s="87"/>
      <c r="E91" s="87"/>
      <c r="F91" s="87"/>
      <c r="G91" s="87"/>
      <c r="H91" s="88"/>
      <c r="I91" s="88"/>
      <c r="J91" s="88"/>
      <c r="K91" s="88"/>
      <c r="L91" s="87"/>
      <c r="M91" s="87"/>
      <c r="N91" s="87"/>
      <c r="O91" s="87"/>
      <c r="P91" s="88"/>
      <c r="Q91" s="88"/>
      <c r="R91" s="88"/>
      <c r="S91" s="88"/>
      <c r="AB91" s="444"/>
      <c r="AC91" s="446" t="s">
        <v>
198</v>
      </c>
      <c r="AD91" s="447"/>
      <c r="AE91" s="79" t="s">
        <v>
199</v>
      </c>
      <c r="AF91" s="350">
        <v>
0</v>
      </c>
      <c r="AG91" s="350"/>
      <c r="AH91" s="80" t="s">
        <v>
200</v>
      </c>
      <c r="AI91" s="81" t="s">
        <v>
199</v>
      </c>
      <c r="AJ91" s="448">
        <v>
0</v>
      </c>
      <c r="AK91" s="448"/>
      <c r="AL91" s="82" t="s">
        <v>
200</v>
      </c>
      <c r="AM91" s="93"/>
      <c r="AN91" s="415"/>
      <c r="AO91" s="415"/>
      <c r="AP91" s="43"/>
      <c r="AQ91" s="90"/>
      <c r="AR91" s="431"/>
      <c r="AS91" s="431"/>
      <c r="AT91" s="91"/>
      <c r="AU91" s="41"/>
      <c r="BH91" s="42"/>
      <c r="BI91" s="389"/>
      <c r="BJ91" s="390"/>
      <c r="BK91" s="390"/>
      <c r="BL91" s="390"/>
      <c r="BM91" s="390"/>
      <c r="BN91" s="390"/>
      <c r="BO91" s="390"/>
      <c r="BP91" s="390"/>
      <c r="BQ91" s="391"/>
    </row>
    <row r="92" spans="1:69" s="2" customFormat="1" ht="16.5" customHeight="1" x14ac:dyDescent="0.2">
      <c r="A92" s="19"/>
      <c r="B92" s="19"/>
      <c r="C92" s="19"/>
      <c r="D92" s="87"/>
      <c r="E92" s="87"/>
      <c r="F92" s="87"/>
      <c r="G92" s="87"/>
      <c r="H92" s="88"/>
      <c r="I92" s="88"/>
      <c r="J92" s="88"/>
      <c r="K92" s="88"/>
      <c r="L92" s="87"/>
      <c r="M92" s="87"/>
      <c r="N92" s="87"/>
      <c r="O92" s="87"/>
      <c r="P92" s="88"/>
      <c r="Q92" s="88"/>
      <c r="R92" s="88"/>
      <c r="S92" s="88"/>
      <c r="AB92" s="445"/>
      <c r="AC92" s="440" t="s">
        <v>
201</v>
      </c>
      <c r="AD92" s="441"/>
      <c r="AE92" s="44" t="s">
        <v>
202</v>
      </c>
      <c r="AF92" s="442">
        <v>
0</v>
      </c>
      <c r="AG92" s="442"/>
      <c r="AH92" s="45" t="s">
        <v>
203</v>
      </c>
      <c r="AI92" s="98" t="s">
        <v>
204</v>
      </c>
      <c r="AJ92" s="443">
        <v>
0</v>
      </c>
      <c r="AK92" s="443"/>
      <c r="AL92" s="99" t="s">
        <v>
205</v>
      </c>
      <c r="AM92" s="44"/>
      <c r="AN92" s="442"/>
      <c r="AO92" s="442"/>
      <c r="AP92" s="84"/>
      <c r="AQ92" s="90"/>
      <c r="AR92" s="377"/>
      <c r="AS92" s="377"/>
      <c r="AT92" s="91"/>
      <c r="AU92" s="41"/>
      <c r="BH92" s="42"/>
      <c r="BI92" s="433"/>
      <c r="BJ92" s="434"/>
      <c r="BK92" s="434"/>
      <c r="BL92" s="434"/>
      <c r="BM92" s="434"/>
      <c r="BN92" s="434"/>
      <c r="BO92" s="434"/>
      <c r="BP92" s="434"/>
      <c r="BQ92" s="435"/>
    </row>
    <row r="93" spans="1:69" s="2" customFormat="1" ht="14.25" customHeight="1" x14ac:dyDescent="0.2">
      <c r="A93" s="94"/>
      <c r="B93" s="94"/>
      <c r="C93" s="94"/>
      <c r="D93" s="87"/>
      <c r="E93" s="87"/>
      <c r="F93" s="87"/>
      <c r="G93" s="87"/>
      <c r="H93" s="88"/>
      <c r="I93" s="88"/>
      <c r="J93" s="88"/>
      <c r="K93" s="88"/>
      <c r="L93" s="87"/>
      <c r="M93" s="87"/>
      <c r="N93" s="87"/>
      <c r="O93" s="87"/>
      <c r="P93" s="88"/>
      <c r="Q93" s="88"/>
      <c r="R93" s="88"/>
      <c r="S93" s="88"/>
      <c r="AB93" s="125" t="s">
        <v>
101</v>
      </c>
      <c r="AC93" s="126"/>
      <c r="AD93" s="127"/>
      <c r="AE93" s="349">
        <v>
31626938</v>
      </c>
      <c r="AF93" s="350"/>
      <c r="AG93" s="350"/>
      <c r="AH93" s="351"/>
      <c r="AI93" s="352">
        <v>
100</v>
      </c>
      <c r="AJ93" s="352"/>
      <c r="AK93" s="352"/>
      <c r="AL93" s="352"/>
      <c r="AM93" s="353">
        <v>
15873206</v>
      </c>
      <c r="AN93" s="353"/>
      <c r="AO93" s="353"/>
      <c r="AP93" s="349"/>
      <c r="AQ93" s="424">
        <v>
100</v>
      </c>
      <c r="AR93" s="425"/>
      <c r="AS93" s="425"/>
      <c r="AT93" s="426"/>
      <c r="AU93" s="46"/>
      <c r="AV93" s="47"/>
      <c r="AW93" s="47"/>
      <c r="AX93" s="47"/>
      <c r="AY93" s="47"/>
      <c r="AZ93" s="47"/>
      <c r="BA93" s="47"/>
      <c r="BB93" s="47"/>
      <c r="BC93" s="47"/>
      <c r="BD93" s="47"/>
      <c r="BE93" s="47"/>
      <c r="BF93" s="47"/>
      <c r="BG93" s="47"/>
      <c r="BH93" s="48"/>
      <c r="BI93" s="437"/>
      <c r="BJ93" s="438"/>
      <c r="BK93" s="438"/>
      <c r="BL93" s="438"/>
      <c r="BM93" s="438"/>
      <c r="BN93" s="438"/>
      <c r="BO93" s="438"/>
      <c r="BP93" s="438"/>
      <c r="BQ93" s="439"/>
    </row>
    <row r="94" spans="1:69" s="2" customFormat="1" ht="14.25" customHeight="1" x14ac:dyDescent="0.2">
      <c r="A94" s="67"/>
      <c r="B94" s="67"/>
      <c r="C94" s="67"/>
      <c r="D94" s="67"/>
      <c r="E94" s="67"/>
      <c r="F94" s="67"/>
      <c r="G94" s="67"/>
      <c r="H94" s="67"/>
      <c r="I94" s="67"/>
      <c r="J94" s="67"/>
      <c r="K94" s="67"/>
      <c r="L94" s="67"/>
      <c r="M94" s="67"/>
      <c r="N94" s="67"/>
      <c r="O94" s="67"/>
      <c r="P94" s="67"/>
      <c r="Q94" s="67"/>
      <c r="R94" s="67"/>
      <c r="S94" s="67"/>
      <c r="T94" s="67"/>
      <c r="U94" s="67"/>
      <c r="V94" s="67"/>
      <c r="W94" s="67"/>
      <c r="X94" s="67"/>
      <c r="Y94" s="67"/>
      <c r="Z94" s="67"/>
      <c r="AA94" s="67"/>
      <c r="AB94" s="330" t="s">
        <v>
206</v>
      </c>
      <c r="AC94" s="331"/>
      <c r="AD94" s="331"/>
      <c r="AE94" s="331"/>
      <c r="AF94" s="331"/>
      <c r="AG94" s="331"/>
      <c r="AH94" s="331"/>
      <c r="AI94" s="331"/>
      <c r="AJ94" s="331"/>
      <c r="AK94" s="331"/>
      <c r="AL94" s="331"/>
      <c r="AM94" s="331"/>
      <c r="AN94" s="331"/>
      <c r="AO94" s="331"/>
      <c r="AP94" s="331"/>
      <c r="AQ94" s="331"/>
      <c r="AR94" s="331"/>
      <c r="AS94" s="331"/>
      <c r="AT94" s="331"/>
      <c r="AU94" s="331"/>
      <c r="AV94" s="331"/>
      <c r="AW94" s="331"/>
      <c r="AX94" s="331"/>
      <c r="AY94" s="332"/>
      <c r="AZ94" s="330" t="s">
        <v>
207</v>
      </c>
      <c r="BA94" s="331"/>
      <c r="BB94" s="331"/>
      <c r="BC94" s="331"/>
      <c r="BD94" s="331"/>
      <c r="BE94" s="331"/>
      <c r="BF94" s="331"/>
      <c r="BG94" s="331"/>
      <c r="BH94" s="331"/>
      <c r="BI94" s="331"/>
      <c r="BJ94" s="331"/>
      <c r="BK94" s="331"/>
      <c r="BL94" s="331"/>
      <c r="BM94" s="331"/>
      <c r="BN94" s="331"/>
      <c r="BO94" s="331"/>
      <c r="BP94" s="331"/>
      <c r="BQ94" s="332"/>
    </row>
    <row r="95" spans="1:69" s="2" customFormat="1" ht="14.25" customHeight="1" x14ac:dyDescent="0.2">
      <c r="A95" s="67"/>
      <c r="B95" s="67"/>
      <c r="C95" s="67"/>
      <c r="D95" s="67"/>
      <c r="E95" s="67"/>
      <c r="F95" s="70"/>
      <c r="G95" s="70"/>
      <c r="H95" s="70"/>
      <c r="I95" s="70"/>
      <c r="J95" s="77"/>
      <c r="K95" s="77"/>
      <c r="L95" s="77"/>
      <c r="M95" s="77"/>
      <c r="N95" s="70"/>
      <c r="O95" s="78"/>
      <c r="P95" s="78"/>
      <c r="Q95" s="78"/>
      <c r="R95" s="70"/>
      <c r="S95" s="78"/>
      <c r="T95" s="78"/>
      <c r="U95" s="67"/>
      <c r="V95" s="67"/>
      <c r="W95" s="67"/>
      <c r="X95" s="67"/>
      <c r="Y95" s="67"/>
      <c r="Z95" s="67"/>
      <c r="AA95" s="67"/>
      <c r="AB95" s="449" t="s">
        <v>
208</v>
      </c>
      <c r="AC95" s="449"/>
      <c r="AD95" s="449"/>
      <c r="AE95" s="449"/>
      <c r="AF95" s="449"/>
      <c r="AG95" s="336" t="s">
        <v>
209</v>
      </c>
      <c r="AH95" s="337"/>
      <c r="AI95" s="337"/>
      <c r="AJ95" s="338"/>
      <c r="AK95" s="450" t="s">
        <v>
132</v>
      </c>
      <c r="AL95" s="451"/>
      <c r="AM95" s="451"/>
      <c r="AN95" s="452"/>
      <c r="AO95" s="456" t="s">
        <v>
210</v>
      </c>
      <c r="AP95" s="130" t="s">
        <v>
211</v>
      </c>
      <c r="AQ95" s="458"/>
      <c r="AR95" s="458"/>
      <c r="AS95" s="325" t="s">
        <v>
212</v>
      </c>
      <c r="AT95" s="458" t="s">
        <v>
213</v>
      </c>
      <c r="AU95" s="131"/>
      <c r="AV95" s="324" t="s">
        <v>
214</v>
      </c>
      <c r="AW95" s="325"/>
      <c r="AX95" s="325"/>
      <c r="AY95" s="326"/>
      <c r="AZ95" s="324" t="s">
        <v>
208</v>
      </c>
      <c r="BA95" s="325"/>
      <c r="BB95" s="325"/>
      <c r="BC95" s="326"/>
      <c r="BD95" s="68"/>
      <c r="BE95" s="325" t="s">
        <v>
131</v>
      </c>
      <c r="BF95" s="325"/>
      <c r="BG95" s="326"/>
      <c r="BH95" s="336" t="s">
        <v>
132</v>
      </c>
      <c r="BI95" s="337"/>
      <c r="BJ95" s="337"/>
      <c r="BK95" s="338"/>
      <c r="BL95" s="324" t="s">
        <v>
136</v>
      </c>
      <c r="BM95" s="325"/>
      <c r="BN95" s="325"/>
      <c r="BO95" s="325"/>
      <c r="BP95" s="325"/>
      <c r="BQ95" s="326"/>
    </row>
    <row r="96" spans="1:69" s="2" customFormat="1" ht="15" customHeight="1" x14ac:dyDescent="0.2">
      <c r="A96" s="67"/>
      <c r="B96" s="67"/>
      <c r="C96" s="67"/>
      <c r="D96" s="67"/>
      <c r="E96" s="67"/>
      <c r="F96" s="70"/>
      <c r="G96" s="70"/>
      <c r="H96" s="70"/>
      <c r="I96" s="70"/>
      <c r="J96" s="77"/>
      <c r="K96" s="77"/>
      <c r="L96" s="77"/>
      <c r="M96" s="77"/>
      <c r="N96" s="70"/>
      <c r="O96" s="78"/>
      <c r="P96" s="78"/>
      <c r="Q96" s="78"/>
      <c r="R96" s="70"/>
      <c r="S96" s="78"/>
      <c r="T96" s="78"/>
      <c r="U96" s="67"/>
      <c r="V96" s="67"/>
      <c r="W96" s="67"/>
      <c r="X96" s="67"/>
      <c r="Y96" s="67"/>
      <c r="Z96" s="67"/>
      <c r="AA96" s="67"/>
      <c r="AB96" s="449"/>
      <c r="AC96" s="449"/>
      <c r="AD96" s="449"/>
      <c r="AE96" s="449"/>
      <c r="AF96" s="449"/>
      <c r="AG96" s="339"/>
      <c r="AH96" s="340"/>
      <c r="AI96" s="340"/>
      <c r="AJ96" s="341"/>
      <c r="AK96" s="453"/>
      <c r="AL96" s="454"/>
      <c r="AM96" s="454"/>
      <c r="AN96" s="455"/>
      <c r="AO96" s="457"/>
      <c r="AP96" s="156"/>
      <c r="AQ96" s="459"/>
      <c r="AR96" s="459"/>
      <c r="AS96" s="328"/>
      <c r="AT96" s="459"/>
      <c r="AU96" s="157"/>
      <c r="AV96" s="327" t="s">
        <v>
215</v>
      </c>
      <c r="AW96" s="328"/>
      <c r="AX96" s="328"/>
      <c r="AY96" s="329"/>
      <c r="AZ96" s="327"/>
      <c r="BA96" s="328"/>
      <c r="BB96" s="328"/>
      <c r="BC96" s="329"/>
      <c r="BD96" s="528"/>
      <c r="BE96" s="328"/>
      <c r="BF96" s="328"/>
      <c r="BG96" s="329"/>
      <c r="BH96" s="339"/>
      <c r="BI96" s="340"/>
      <c r="BJ96" s="340"/>
      <c r="BK96" s="341"/>
      <c r="BL96" s="327" t="s">
        <v>
139</v>
      </c>
      <c r="BM96" s="328"/>
      <c r="BN96" s="328"/>
      <c r="BO96" s="328"/>
      <c r="BP96" s="328"/>
      <c r="BQ96" s="329"/>
    </row>
    <row r="97" spans="1:69" s="2" customFormat="1" ht="15" customHeight="1" x14ac:dyDescent="0.2">
      <c r="A97" s="67"/>
      <c r="B97" s="67"/>
      <c r="C97" s="67"/>
      <c r="D97" s="67"/>
      <c r="E97" s="67"/>
      <c r="F97" s="5"/>
      <c r="G97" s="5"/>
      <c r="H97" s="5"/>
      <c r="I97" s="5"/>
      <c r="J97" s="5"/>
      <c r="K97" s="5"/>
      <c r="L97" s="5"/>
      <c r="M97" s="5"/>
      <c r="N97" s="5"/>
      <c r="O97" s="66"/>
      <c r="P97" s="66"/>
      <c r="Q97" s="66"/>
      <c r="R97" s="66"/>
      <c r="S97" s="66"/>
      <c r="T97" s="66"/>
      <c r="U97" s="6"/>
      <c r="V97" s="6"/>
      <c r="W97" s="6"/>
      <c r="X97" s="6"/>
      <c r="Y97" s="67"/>
      <c r="Z97" s="67"/>
      <c r="AA97" s="67"/>
      <c r="AB97" s="449"/>
      <c r="AC97" s="449"/>
      <c r="AD97" s="449"/>
      <c r="AE97" s="449"/>
      <c r="AF97" s="449"/>
      <c r="AG97" s="362" t="s">
        <v>
21</v>
      </c>
      <c r="AH97" s="363"/>
      <c r="AI97" s="363"/>
      <c r="AJ97" s="364"/>
      <c r="AK97" s="362" t="s">
        <v>
23</v>
      </c>
      <c r="AL97" s="363"/>
      <c r="AM97" s="363"/>
      <c r="AN97" s="364"/>
      <c r="AO97" s="49" t="s">
        <v>
23</v>
      </c>
      <c r="AP97" s="345" t="s">
        <v>
21</v>
      </c>
      <c r="AQ97" s="346"/>
      <c r="AR97" s="346"/>
      <c r="AS97" s="346"/>
      <c r="AT97" s="346"/>
      <c r="AU97" s="347"/>
      <c r="AV97" s="342" t="s">
        <v>
21</v>
      </c>
      <c r="AW97" s="343"/>
      <c r="AX97" s="343"/>
      <c r="AY97" s="344"/>
      <c r="AZ97" s="333"/>
      <c r="BA97" s="334"/>
      <c r="BB97" s="334"/>
      <c r="BC97" s="335"/>
      <c r="BD97" s="529"/>
      <c r="BE97" s="346" t="s">
        <v>
21</v>
      </c>
      <c r="BF97" s="346"/>
      <c r="BG97" s="347"/>
      <c r="BH97" s="362" t="s">
        <v>
23</v>
      </c>
      <c r="BI97" s="363"/>
      <c r="BJ97" s="363"/>
      <c r="BK97" s="364"/>
      <c r="BL97" s="342" t="s">
        <v>
21</v>
      </c>
      <c r="BM97" s="343"/>
      <c r="BN97" s="343"/>
      <c r="BO97" s="343"/>
      <c r="BP97" s="343"/>
      <c r="BQ97" s="344"/>
    </row>
    <row r="98" spans="1:69" s="2" customFormat="1" ht="15" customHeight="1" x14ac:dyDescent="0.2">
      <c r="A98" s="78"/>
      <c r="B98" s="78"/>
      <c r="C98" s="94"/>
      <c r="D98" s="94"/>
      <c r="E98" s="94"/>
      <c r="F98" s="7"/>
      <c r="G98" s="7"/>
      <c r="H98" s="7"/>
      <c r="I98" s="7"/>
      <c r="J98" s="8"/>
      <c r="K98" s="8"/>
      <c r="L98" s="8"/>
      <c r="M98" s="8"/>
      <c r="N98" s="21"/>
      <c r="O98" s="87"/>
      <c r="P98" s="87"/>
      <c r="Q98" s="87"/>
      <c r="R98" s="87"/>
      <c r="S98" s="87"/>
      <c r="T98" s="87"/>
      <c r="U98" s="7"/>
      <c r="V98" s="7"/>
      <c r="W98" s="7"/>
      <c r="X98" s="7"/>
      <c r="Y98" s="65"/>
      <c r="Z98" s="65"/>
      <c r="AA98" s="65"/>
      <c r="AB98" s="130" t="s">
        <v>
216</v>
      </c>
      <c r="AC98" s="131"/>
      <c r="AD98" s="188" t="s">
        <v>
217</v>
      </c>
      <c r="AE98" s="188"/>
      <c r="AF98" s="189"/>
      <c r="AG98" s="383">
        <v>
7044929</v>
      </c>
      <c r="AH98" s="383"/>
      <c r="AI98" s="383"/>
      <c r="AJ98" s="383"/>
      <c r="AK98" s="460">
        <v>
46.74874931734194</v>
      </c>
      <c r="AL98" s="460"/>
      <c r="AM98" s="460"/>
      <c r="AN98" s="460"/>
      <c r="AO98" s="50">
        <v>
1.3366795152418662</v>
      </c>
      <c r="AP98" s="461">
        <v>
6956776</v>
      </c>
      <c r="AQ98" s="462"/>
      <c r="AR98" s="462"/>
      <c r="AS98" s="462"/>
      <c r="AT98" s="462"/>
      <c r="AU98" s="463"/>
      <c r="AV98" s="383">
        <v>
0</v>
      </c>
      <c r="AW98" s="383"/>
      <c r="AX98" s="383"/>
      <c r="AY98" s="383"/>
      <c r="AZ98" s="348" t="s">
        <v>
218</v>
      </c>
      <c r="BA98" s="348"/>
      <c r="BB98" s="348"/>
      <c r="BC98" s="348"/>
      <c r="BD98" s="383">
        <v>
300843</v>
      </c>
      <c r="BE98" s="383"/>
      <c r="BF98" s="383"/>
      <c r="BG98" s="383"/>
      <c r="BH98" s="460">
        <v>
0.97125602840052938</v>
      </c>
      <c r="BI98" s="460"/>
      <c r="BJ98" s="460"/>
      <c r="BK98" s="460"/>
      <c r="BL98" s="383">
        <v>
300783</v>
      </c>
      <c r="BM98" s="383"/>
      <c r="BN98" s="383"/>
      <c r="BO98" s="383"/>
      <c r="BP98" s="383"/>
      <c r="BQ98" s="383"/>
    </row>
    <row r="99" spans="1:69" s="2" customFormat="1" ht="15" customHeight="1" x14ac:dyDescent="0.2">
      <c r="A99" s="78"/>
      <c r="B99" s="78"/>
      <c r="C99" s="94"/>
      <c r="D99" s="94"/>
      <c r="E99" s="94"/>
      <c r="F99" s="7"/>
      <c r="G99" s="7"/>
      <c r="H99" s="7"/>
      <c r="I99" s="7"/>
      <c r="J99" s="8"/>
      <c r="K99" s="8"/>
      <c r="L99" s="8"/>
      <c r="M99" s="8"/>
      <c r="N99" s="21"/>
      <c r="O99" s="87"/>
      <c r="P99" s="87"/>
      <c r="Q99" s="87"/>
      <c r="R99" s="87"/>
      <c r="S99" s="87"/>
      <c r="T99" s="87"/>
      <c r="U99" s="7"/>
      <c r="V99" s="7"/>
      <c r="W99" s="7"/>
      <c r="X99" s="7"/>
      <c r="Y99" s="65"/>
      <c r="Z99" s="65"/>
      <c r="AA99" s="65"/>
      <c r="AB99" s="132"/>
      <c r="AC99" s="133"/>
      <c r="AD99" s="126" t="s">
        <v>
219</v>
      </c>
      <c r="AE99" s="126"/>
      <c r="AF99" s="127"/>
      <c r="AG99" s="383">
        <v>
561229</v>
      </c>
      <c r="AH99" s="383"/>
      <c r="AI99" s="383"/>
      <c r="AJ99" s="383"/>
      <c r="AK99" s="460">
        <v>
3.7242041517554685</v>
      </c>
      <c r="AL99" s="460"/>
      <c r="AM99" s="460"/>
      <c r="AN99" s="460"/>
      <c r="AO99" s="50">
        <v>
-1.4654760734300603</v>
      </c>
      <c r="AP99" s="461">
        <v>
514223</v>
      </c>
      <c r="AQ99" s="462"/>
      <c r="AR99" s="462"/>
      <c r="AS99" s="462"/>
      <c r="AT99" s="462"/>
      <c r="AU99" s="463"/>
      <c r="AV99" s="383">
        <v>
32781</v>
      </c>
      <c r="AW99" s="383"/>
      <c r="AX99" s="383"/>
      <c r="AY99" s="383"/>
      <c r="AZ99" s="348" t="s">
        <v>
220</v>
      </c>
      <c r="BA99" s="348"/>
      <c r="BB99" s="348"/>
      <c r="BC99" s="348"/>
      <c r="BD99" s="383">
        <v>
2726755</v>
      </c>
      <c r="BE99" s="383"/>
      <c r="BF99" s="383"/>
      <c r="BG99" s="383"/>
      <c r="BH99" s="460">
        <v>
8.8031871498465488</v>
      </c>
      <c r="BI99" s="460"/>
      <c r="BJ99" s="460"/>
      <c r="BK99" s="460"/>
      <c r="BL99" s="383">
        <v>
2460359</v>
      </c>
      <c r="BM99" s="383"/>
      <c r="BN99" s="383"/>
      <c r="BO99" s="383"/>
      <c r="BP99" s="383"/>
      <c r="BQ99" s="383"/>
    </row>
    <row r="100" spans="1:69" s="2" customFormat="1" ht="15" customHeight="1" x14ac:dyDescent="0.2">
      <c r="A100" s="65"/>
      <c r="B100" s="65"/>
      <c r="C100" s="65"/>
      <c r="D100" s="65"/>
      <c r="E100" s="65"/>
      <c r="F100" s="7"/>
      <c r="G100" s="7"/>
      <c r="H100" s="7"/>
      <c r="I100" s="7"/>
      <c r="J100" s="8"/>
      <c r="K100" s="8"/>
      <c r="L100" s="8"/>
      <c r="M100" s="8"/>
      <c r="N100" s="21"/>
      <c r="O100" s="87"/>
      <c r="P100" s="87"/>
      <c r="Q100" s="87"/>
      <c r="R100" s="87"/>
      <c r="S100" s="87"/>
      <c r="T100" s="87"/>
      <c r="U100" s="7"/>
      <c r="V100" s="7"/>
      <c r="W100" s="7"/>
      <c r="X100" s="7"/>
      <c r="Y100" s="65"/>
      <c r="Z100" s="65"/>
      <c r="AA100" s="65"/>
      <c r="AB100" s="348" t="s">
        <v>
221</v>
      </c>
      <c r="AC100" s="348"/>
      <c r="AD100" s="348"/>
      <c r="AE100" s="348"/>
      <c r="AF100" s="348"/>
      <c r="AG100" s="383">
        <v>
5758777</v>
      </c>
      <c r="AH100" s="383"/>
      <c r="AI100" s="383"/>
      <c r="AJ100" s="383"/>
      <c r="AK100" s="460">
        <v>
38.214100148841027</v>
      </c>
      <c r="AL100" s="460"/>
      <c r="AM100" s="460"/>
      <c r="AN100" s="460"/>
      <c r="AO100" s="50">
        <v>
0.28694077286104869</v>
      </c>
      <c r="AP100" s="461">
        <v>
5491395</v>
      </c>
      <c r="AQ100" s="462"/>
      <c r="AR100" s="462"/>
      <c r="AS100" s="462"/>
      <c r="AT100" s="462"/>
      <c r="AU100" s="463"/>
      <c r="AV100" s="383">
        <v>
0</v>
      </c>
      <c r="AW100" s="383"/>
      <c r="AX100" s="383"/>
      <c r="AY100" s="383"/>
      <c r="AZ100" s="348" t="s">
        <v>
222</v>
      </c>
      <c r="BA100" s="348"/>
      <c r="BB100" s="348"/>
      <c r="BC100" s="348"/>
      <c r="BD100" s="383">
        <v>
15152480</v>
      </c>
      <c r="BE100" s="383"/>
      <c r="BF100" s="383"/>
      <c r="BG100" s="383"/>
      <c r="BH100" s="460">
        <v>
48.918996105006443</v>
      </c>
      <c r="BI100" s="460"/>
      <c r="BJ100" s="460"/>
      <c r="BK100" s="460"/>
      <c r="BL100" s="383">
        <v>
6945473</v>
      </c>
      <c r="BM100" s="383"/>
      <c r="BN100" s="383"/>
      <c r="BO100" s="383"/>
      <c r="BP100" s="383"/>
      <c r="BQ100" s="383"/>
    </row>
    <row r="101" spans="1:69" s="2" customFormat="1" ht="15" customHeight="1" x14ac:dyDescent="0.2">
      <c r="A101" s="65"/>
      <c r="B101" s="65"/>
      <c r="C101" s="65"/>
      <c r="D101" s="65"/>
      <c r="E101" s="65"/>
      <c r="F101" s="7"/>
      <c r="G101" s="7"/>
      <c r="H101" s="7"/>
      <c r="I101" s="7"/>
      <c r="J101" s="8"/>
      <c r="K101" s="8"/>
      <c r="L101" s="8"/>
      <c r="M101" s="8"/>
      <c r="N101" s="21"/>
      <c r="O101" s="87"/>
      <c r="P101" s="87"/>
      <c r="Q101" s="87"/>
      <c r="R101" s="87"/>
      <c r="S101" s="87"/>
      <c r="T101" s="87"/>
      <c r="U101" s="7"/>
      <c r="V101" s="7"/>
      <c r="W101" s="7"/>
      <c r="X101" s="7"/>
      <c r="Y101" s="65"/>
      <c r="Z101" s="65"/>
      <c r="AA101" s="65"/>
      <c r="AB101" s="348" t="s">
        <v>
223</v>
      </c>
      <c r="AC101" s="348"/>
      <c r="AD101" s="348"/>
      <c r="AE101" s="348"/>
      <c r="AF101" s="348"/>
      <c r="AG101" s="383">
        <v>
45565</v>
      </c>
      <c r="AH101" s="383"/>
      <c r="AI101" s="383"/>
      <c r="AJ101" s="383"/>
      <c r="AK101" s="460">
        <v>
0.30236028817958072</v>
      </c>
      <c r="AL101" s="460"/>
      <c r="AM101" s="460"/>
      <c r="AN101" s="460"/>
      <c r="AO101" s="50">
        <v>
2.303599092929792</v>
      </c>
      <c r="AP101" s="461">
        <v>
45973</v>
      </c>
      <c r="AQ101" s="462"/>
      <c r="AR101" s="462"/>
      <c r="AS101" s="462"/>
      <c r="AT101" s="462"/>
      <c r="AU101" s="463"/>
      <c r="AV101" s="383">
        <v>
0</v>
      </c>
      <c r="AW101" s="383"/>
      <c r="AX101" s="383"/>
      <c r="AY101" s="383"/>
      <c r="AZ101" s="348" t="s">
        <v>
224</v>
      </c>
      <c r="BA101" s="348"/>
      <c r="BB101" s="348"/>
      <c r="BC101" s="348"/>
      <c r="BD101" s="383">
        <v>
1860508</v>
      </c>
      <c r="BE101" s="383"/>
      <c r="BF101" s="383"/>
      <c r="BG101" s="383"/>
      <c r="BH101" s="460">
        <v>
6.0065536206174377</v>
      </c>
      <c r="BI101" s="460"/>
      <c r="BJ101" s="460"/>
      <c r="BK101" s="460"/>
      <c r="BL101" s="383">
        <v>
1300140</v>
      </c>
      <c r="BM101" s="383"/>
      <c r="BN101" s="383"/>
      <c r="BO101" s="383"/>
      <c r="BP101" s="383"/>
      <c r="BQ101" s="383"/>
    </row>
    <row r="102" spans="1:69" s="2" customFormat="1" ht="15" customHeight="1" x14ac:dyDescent="0.2">
      <c r="A102" s="65"/>
      <c r="B102" s="65"/>
      <c r="C102" s="65"/>
      <c r="D102" s="65"/>
      <c r="E102" s="65"/>
      <c r="F102" s="7"/>
      <c r="G102" s="7"/>
      <c r="H102" s="7"/>
      <c r="I102" s="7"/>
      <c r="J102" s="8"/>
      <c r="K102" s="8"/>
      <c r="L102" s="8"/>
      <c r="M102" s="8"/>
      <c r="N102" s="21"/>
      <c r="O102" s="87"/>
      <c r="P102" s="87"/>
      <c r="Q102" s="87"/>
      <c r="R102" s="87"/>
      <c r="S102" s="87"/>
      <c r="T102" s="87"/>
      <c r="U102" s="7"/>
      <c r="V102" s="7"/>
      <c r="W102" s="7"/>
      <c r="X102" s="7"/>
      <c r="Y102" s="65"/>
      <c r="Z102" s="65"/>
      <c r="AA102" s="65"/>
      <c r="AB102" s="348" t="s">
        <v>
225</v>
      </c>
      <c r="AC102" s="348"/>
      <c r="AD102" s="348"/>
      <c r="AE102" s="348"/>
      <c r="AF102" s="348"/>
      <c r="AG102" s="383">
        <v>
386490</v>
      </c>
      <c r="AH102" s="383"/>
      <c r="AI102" s="383"/>
      <c r="AJ102" s="383"/>
      <c r="AK102" s="460">
        <v>
2.564670860935502</v>
      </c>
      <c r="AL102" s="460"/>
      <c r="AM102" s="460"/>
      <c r="AN102" s="460"/>
      <c r="AO102" s="50">
        <v>
-1.6216931688307061</v>
      </c>
      <c r="AP102" s="461">
        <v>
389029</v>
      </c>
      <c r="AQ102" s="462"/>
      <c r="AR102" s="462"/>
      <c r="AS102" s="462"/>
      <c r="AT102" s="462"/>
      <c r="AU102" s="463"/>
      <c r="AV102" s="383"/>
      <c r="AW102" s="383"/>
      <c r="AX102" s="383"/>
      <c r="AY102" s="383"/>
      <c r="AZ102" s="348" t="s">
        <v>
226</v>
      </c>
      <c r="BA102" s="348"/>
      <c r="BB102" s="348"/>
      <c r="BC102" s="348"/>
      <c r="BD102" s="383">
        <v>
162968</v>
      </c>
      <c r="BE102" s="383"/>
      <c r="BF102" s="383"/>
      <c r="BG102" s="383"/>
      <c r="BH102" s="460">
        <v>
0.52613373898138716</v>
      </c>
      <c r="BI102" s="460"/>
      <c r="BJ102" s="460"/>
      <c r="BK102" s="460"/>
      <c r="BL102" s="383">
        <v>
94958</v>
      </c>
      <c r="BM102" s="383"/>
      <c r="BN102" s="383"/>
      <c r="BO102" s="383"/>
      <c r="BP102" s="383"/>
      <c r="BQ102" s="383"/>
    </row>
    <row r="103" spans="1:69" s="2" customFormat="1" ht="15" customHeight="1" x14ac:dyDescent="0.2">
      <c r="A103" s="65"/>
      <c r="B103" s="65"/>
      <c r="C103" s="65"/>
      <c r="D103" s="65"/>
      <c r="E103" s="65"/>
      <c r="F103" s="7"/>
      <c r="G103" s="7"/>
      <c r="H103" s="7"/>
      <c r="I103" s="7"/>
      <c r="J103" s="8"/>
      <c r="K103" s="8"/>
      <c r="L103" s="8"/>
      <c r="M103" s="8"/>
      <c r="N103" s="21"/>
      <c r="O103" s="87"/>
      <c r="P103" s="87"/>
      <c r="Q103" s="87"/>
      <c r="R103" s="87"/>
      <c r="S103" s="87"/>
      <c r="T103" s="87"/>
      <c r="U103" s="7"/>
      <c r="V103" s="7"/>
      <c r="W103" s="7"/>
      <c r="X103" s="7"/>
      <c r="Y103" s="65"/>
      <c r="Z103" s="65"/>
      <c r="AA103" s="65"/>
      <c r="AB103" s="348" t="s">
        <v>
227</v>
      </c>
      <c r="AC103" s="348"/>
      <c r="AD103" s="348"/>
      <c r="AE103" s="348"/>
      <c r="AF103" s="348"/>
      <c r="AG103" s="383">
        <v>
0</v>
      </c>
      <c r="AH103" s="383"/>
      <c r="AI103" s="383"/>
      <c r="AJ103" s="383"/>
      <c r="AK103" s="460">
        <v>
0</v>
      </c>
      <c r="AL103" s="460"/>
      <c r="AM103" s="460"/>
      <c r="AN103" s="460"/>
      <c r="AO103" s="50">
        <v>
0</v>
      </c>
      <c r="AP103" s="461"/>
      <c r="AQ103" s="462"/>
      <c r="AR103" s="462"/>
      <c r="AS103" s="462"/>
      <c r="AT103" s="462"/>
      <c r="AU103" s="463"/>
      <c r="AV103" s="383">
        <v>
0</v>
      </c>
      <c r="AW103" s="383"/>
      <c r="AX103" s="383"/>
      <c r="AY103" s="383"/>
      <c r="AZ103" s="348" t="s">
        <v>
228</v>
      </c>
      <c r="BA103" s="348"/>
      <c r="BB103" s="348"/>
      <c r="BC103" s="348"/>
      <c r="BD103" s="383">
        <v>
71062</v>
      </c>
      <c r="BE103" s="383"/>
      <c r="BF103" s="383"/>
      <c r="BG103" s="383"/>
      <c r="BH103" s="460">
        <v>
0.22941998281561615</v>
      </c>
      <c r="BI103" s="460"/>
      <c r="BJ103" s="460"/>
      <c r="BK103" s="460"/>
      <c r="BL103" s="383">
        <v>
52674</v>
      </c>
      <c r="BM103" s="383"/>
      <c r="BN103" s="383"/>
      <c r="BO103" s="383"/>
      <c r="BP103" s="383"/>
      <c r="BQ103" s="383"/>
    </row>
    <row r="104" spans="1:69" s="2" customFormat="1" ht="15" customHeight="1" x14ac:dyDescent="0.2">
      <c r="A104" s="65"/>
      <c r="B104" s="65"/>
      <c r="C104" s="65"/>
      <c r="D104" s="65"/>
      <c r="E104" s="65"/>
      <c r="F104" s="7"/>
      <c r="G104" s="7"/>
      <c r="H104" s="7"/>
      <c r="I104" s="7"/>
      <c r="J104" s="8"/>
      <c r="K104" s="8"/>
      <c r="L104" s="8"/>
      <c r="M104" s="8"/>
      <c r="N104" s="21"/>
      <c r="O104" s="87"/>
      <c r="P104" s="87"/>
      <c r="Q104" s="87"/>
      <c r="R104" s="87"/>
      <c r="S104" s="87"/>
      <c r="T104" s="87"/>
      <c r="U104" s="7"/>
      <c r="V104" s="7"/>
      <c r="W104" s="7"/>
      <c r="X104" s="7"/>
      <c r="Y104" s="65"/>
      <c r="Z104" s="65"/>
      <c r="AA104" s="65"/>
      <c r="AB104" s="348" t="s">
        <v>
229</v>
      </c>
      <c r="AC104" s="348"/>
      <c r="AD104" s="348"/>
      <c r="AE104" s="348"/>
      <c r="AF104" s="348"/>
      <c r="AG104" s="383">
        <v>
0</v>
      </c>
      <c r="AH104" s="383"/>
      <c r="AI104" s="383"/>
      <c r="AJ104" s="383"/>
      <c r="AK104" s="460">
        <v>
0</v>
      </c>
      <c r="AL104" s="460"/>
      <c r="AM104" s="460"/>
      <c r="AN104" s="460"/>
      <c r="AO104" s="50">
        <v>
0</v>
      </c>
      <c r="AP104" s="461"/>
      <c r="AQ104" s="462"/>
      <c r="AR104" s="462"/>
      <c r="AS104" s="462"/>
      <c r="AT104" s="462"/>
      <c r="AU104" s="463"/>
      <c r="AV104" s="383"/>
      <c r="AW104" s="383"/>
      <c r="AX104" s="383"/>
      <c r="AY104" s="383"/>
      <c r="AZ104" s="348" t="s">
        <v>
230</v>
      </c>
      <c r="BA104" s="348"/>
      <c r="BB104" s="348"/>
      <c r="BC104" s="348"/>
      <c r="BD104" s="383">
        <v>
279732</v>
      </c>
      <c r="BE104" s="383"/>
      <c r="BF104" s="383"/>
      <c r="BG104" s="383"/>
      <c r="BH104" s="460">
        <v>
0.9031002593928954</v>
      </c>
      <c r="BI104" s="460"/>
      <c r="BJ104" s="460"/>
      <c r="BK104" s="460"/>
      <c r="BL104" s="383">
        <v>
128408</v>
      </c>
      <c r="BM104" s="383"/>
      <c r="BN104" s="383"/>
      <c r="BO104" s="383"/>
      <c r="BP104" s="383"/>
      <c r="BQ104" s="383"/>
    </row>
    <row r="105" spans="1:69" s="2" customFormat="1" ht="15" customHeight="1" x14ac:dyDescent="0.2">
      <c r="A105" s="65"/>
      <c r="B105" s="65"/>
      <c r="C105" s="65"/>
      <c r="D105" s="65"/>
      <c r="E105" s="65"/>
      <c r="F105" s="7"/>
      <c r="G105" s="7"/>
      <c r="H105" s="7"/>
      <c r="I105" s="7"/>
      <c r="J105" s="8"/>
      <c r="K105" s="8"/>
      <c r="L105" s="8"/>
      <c r="M105" s="8"/>
      <c r="N105" s="21"/>
      <c r="O105" s="87"/>
      <c r="P105" s="87"/>
      <c r="Q105" s="87"/>
      <c r="R105" s="87"/>
      <c r="S105" s="87"/>
      <c r="T105" s="87"/>
      <c r="U105" s="7"/>
      <c r="V105" s="7"/>
      <c r="W105" s="7"/>
      <c r="X105" s="7"/>
      <c r="Y105" s="65"/>
      <c r="Z105" s="65"/>
      <c r="AA105" s="65"/>
      <c r="AB105" s="436" t="s">
        <v>
231</v>
      </c>
      <c r="AC105" s="436"/>
      <c r="AD105" s="436"/>
      <c r="AE105" s="436"/>
      <c r="AF105" s="436"/>
      <c r="AG105" s="383">
        <v>
0</v>
      </c>
      <c r="AH105" s="383"/>
      <c r="AI105" s="383"/>
      <c r="AJ105" s="383"/>
      <c r="AK105" s="460">
        <v>
0</v>
      </c>
      <c r="AL105" s="460"/>
      <c r="AM105" s="460"/>
      <c r="AN105" s="460"/>
      <c r="AO105" s="50">
        <v>
0</v>
      </c>
      <c r="AP105" s="461"/>
      <c r="AQ105" s="462"/>
      <c r="AR105" s="462"/>
      <c r="AS105" s="462"/>
      <c r="AT105" s="462"/>
      <c r="AU105" s="463"/>
      <c r="AV105" s="383"/>
      <c r="AW105" s="383"/>
      <c r="AX105" s="383"/>
      <c r="AY105" s="383"/>
      <c r="AZ105" s="348" t="s">
        <v>
232</v>
      </c>
      <c r="BA105" s="348"/>
      <c r="BB105" s="348"/>
      <c r="BC105" s="348"/>
      <c r="BD105" s="383">
        <v>
4549240</v>
      </c>
      <c r="BE105" s="383"/>
      <c r="BF105" s="383"/>
      <c r="BG105" s="383"/>
      <c r="BH105" s="460">
        <v>
14.686985486253043</v>
      </c>
      <c r="BI105" s="460"/>
      <c r="BJ105" s="460"/>
      <c r="BK105" s="460"/>
      <c r="BL105" s="383">
        <v>
2021644</v>
      </c>
      <c r="BM105" s="383"/>
      <c r="BN105" s="383"/>
      <c r="BO105" s="383"/>
      <c r="BP105" s="383"/>
      <c r="BQ105" s="383"/>
    </row>
    <row r="106" spans="1:69" s="2" customFormat="1" ht="15" customHeight="1" x14ac:dyDescent="0.2">
      <c r="A106" s="65"/>
      <c r="B106" s="65"/>
      <c r="C106" s="65"/>
      <c r="D106" s="65"/>
      <c r="E106" s="65"/>
      <c r="F106" s="7"/>
      <c r="G106" s="7"/>
      <c r="H106" s="7"/>
      <c r="I106" s="7"/>
      <c r="J106" s="8"/>
      <c r="K106" s="8"/>
      <c r="L106" s="8"/>
      <c r="M106" s="8"/>
      <c r="N106" s="21"/>
      <c r="O106" s="87"/>
      <c r="P106" s="87"/>
      <c r="Q106" s="87"/>
      <c r="R106" s="87"/>
      <c r="S106" s="87"/>
      <c r="T106" s="87"/>
      <c r="U106" s="7"/>
      <c r="V106" s="7"/>
      <c r="W106" s="7"/>
      <c r="X106" s="7"/>
      <c r="Y106" s="65"/>
      <c r="Z106" s="65"/>
      <c r="AA106" s="65"/>
      <c r="AB106" s="159" t="s">
        <v>
233</v>
      </c>
      <c r="AC106" s="160"/>
      <c r="AD106" s="160"/>
      <c r="AE106" s="160"/>
      <c r="AF106" s="215"/>
      <c r="AG106" s="367">
        <v>
1272780</v>
      </c>
      <c r="AH106" s="383"/>
      <c r="AI106" s="383"/>
      <c r="AJ106" s="383"/>
      <c r="AK106" s="460">
        <v>
8.4459152329464882</v>
      </c>
      <c r="AL106" s="460"/>
      <c r="AM106" s="460"/>
      <c r="AN106" s="460"/>
      <c r="AO106" s="50">
        <v>
0.85707674703874281</v>
      </c>
      <c r="AP106" s="461"/>
      <c r="AQ106" s="462"/>
      <c r="AR106" s="462"/>
      <c r="AS106" s="462"/>
      <c r="AT106" s="462"/>
      <c r="AU106" s="463"/>
      <c r="AV106" s="383">
        <v>
0</v>
      </c>
      <c r="AW106" s="383"/>
      <c r="AX106" s="383"/>
      <c r="AY106" s="383"/>
      <c r="AZ106" s="348" t="s">
        <v>
234</v>
      </c>
      <c r="BA106" s="348"/>
      <c r="BB106" s="348"/>
      <c r="BC106" s="348"/>
      <c r="BD106" s="383">
        <v>
1155427</v>
      </c>
      <c r="BE106" s="383"/>
      <c r="BF106" s="383"/>
      <c r="BG106" s="383"/>
      <c r="BH106" s="460">
        <v>
3.7302361667937705</v>
      </c>
      <c r="BI106" s="460"/>
      <c r="BJ106" s="460"/>
      <c r="BK106" s="460"/>
      <c r="BL106" s="383">
        <v>
653784</v>
      </c>
      <c r="BM106" s="383"/>
      <c r="BN106" s="383"/>
      <c r="BO106" s="383"/>
      <c r="BP106" s="383"/>
      <c r="BQ106" s="383"/>
    </row>
    <row r="107" spans="1:69" s="2" customFormat="1" ht="15" customHeight="1" x14ac:dyDescent="0.2">
      <c r="A107" s="65"/>
      <c r="B107" s="65"/>
      <c r="C107" s="65"/>
      <c r="D107" s="65"/>
      <c r="E107" s="65"/>
      <c r="F107" s="7"/>
      <c r="G107" s="7"/>
      <c r="H107" s="7"/>
      <c r="I107" s="7"/>
      <c r="J107" s="8"/>
      <c r="K107" s="8"/>
      <c r="L107" s="8"/>
      <c r="M107" s="8"/>
      <c r="N107" s="21"/>
      <c r="O107" s="87"/>
      <c r="P107" s="87"/>
      <c r="Q107" s="87"/>
      <c r="R107" s="87"/>
      <c r="S107" s="87"/>
      <c r="T107" s="87"/>
      <c r="U107" s="7"/>
      <c r="V107" s="7"/>
      <c r="W107" s="7"/>
      <c r="X107" s="7"/>
      <c r="Y107" s="65"/>
      <c r="Z107" s="65"/>
      <c r="AA107" s="65"/>
      <c r="AB107" s="64"/>
      <c r="AC107" s="114" t="s">
        <v>
235</v>
      </c>
      <c r="AD107" s="115"/>
      <c r="AE107" s="115"/>
      <c r="AF107" s="116"/>
      <c r="AG107" s="367">
        <v>
0</v>
      </c>
      <c r="AH107" s="383"/>
      <c r="AI107" s="383"/>
      <c r="AJ107" s="383"/>
      <c r="AK107" s="460">
        <v>
0</v>
      </c>
      <c r="AL107" s="460"/>
      <c r="AM107" s="460"/>
      <c r="AN107" s="460"/>
      <c r="AO107" s="50">
        <v>
0</v>
      </c>
      <c r="AP107" s="461"/>
      <c r="AQ107" s="462"/>
      <c r="AR107" s="462"/>
      <c r="AS107" s="462"/>
      <c r="AT107" s="462"/>
      <c r="AU107" s="463"/>
      <c r="AV107" s="383">
        <v>
0</v>
      </c>
      <c r="AW107" s="383"/>
      <c r="AX107" s="383"/>
      <c r="AY107" s="383"/>
      <c r="AZ107" s="348" t="s">
        <v>
236</v>
      </c>
      <c r="BA107" s="348"/>
      <c r="BB107" s="348"/>
      <c r="BC107" s="348"/>
      <c r="BD107" s="383">
        <v>
3115234</v>
      </c>
      <c r="BE107" s="383"/>
      <c r="BF107" s="383"/>
      <c r="BG107" s="383"/>
      <c r="BH107" s="460">
        <v>
10.057371460789497</v>
      </c>
      <c r="BI107" s="460"/>
      <c r="BJ107" s="460"/>
      <c r="BK107" s="460"/>
      <c r="BL107" s="383">
        <v>
2219455</v>
      </c>
      <c r="BM107" s="383"/>
      <c r="BN107" s="383"/>
      <c r="BO107" s="383"/>
      <c r="BP107" s="383"/>
      <c r="BQ107" s="383"/>
    </row>
    <row r="108" spans="1:69" s="2" customFormat="1" ht="15" customHeight="1" x14ac:dyDescent="0.2">
      <c r="A108" s="65"/>
      <c r="B108" s="65"/>
      <c r="C108" s="65"/>
      <c r="D108" s="65"/>
      <c r="E108" s="65"/>
      <c r="F108" s="7"/>
      <c r="G108" s="7"/>
      <c r="H108" s="7"/>
      <c r="I108" s="7"/>
      <c r="J108" s="8"/>
      <c r="K108" s="8"/>
      <c r="L108" s="8"/>
      <c r="M108" s="8"/>
      <c r="N108" s="21"/>
      <c r="O108" s="87"/>
      <c r="P108" s="87"/>
      <c r="Q108" s="87"/>
      <c r="R108" s="87"/>
      <c r="S108" s="87"/>
      <c r="T108" s="87"/>
      <c r="U108" s="7"/>
      <c r="V108" s="7"/>
      <c r="W108" s="7"/>
      <c r="X108" s="7"/>
      <c r="Y108" s="65"/>
      <c r="Z108" s="65"/>
      <c r="AA108" s="65"/>
      <c r="AB108" s="64"/>
      <c r="AC108" s="216" t="s">
        <v>
237</v>
      </c>
      <c r="AD108" s="217"/>
      <c r="AE108" s="217"/>
      <c r="AF108" s="218"/>
      <c r="AG108" s="367">
        <v>
0</v>
      </c>
      <c r="AH108" s="383"/>
      <c r="AI108" s="383"/>
      <c r="AJ108" s="383"/>
      <c r="AK108" s="460">
        <v>
0</v>
      </c>
      <c r="AL108" s="460"/>
      <c r="AM108" s="460"/>
      <c r="AN108" s="460"/>
      <c r="AO108" s="50">
        <v>
0</v>
      </c>
      <c r="AP108" s="461"/>
      <c r="AQ108" s="462"/>
      <c r="AR108" s="462"/>
      <c r="AS108" s="462"/>
      <c r="AT108" s="462"/>
      <c r="AU108" s="463"/>
      <c r="AV108" s="383"/>
      <c r="AW108" s="383"/>
      <c r="AX108" s="383"/>
      <c r="AY108" s="383"/>
      <c r="AZ108" s="348" t="s">
        <v>
238</v>
      </c>
      <c r="BA108" s="348"/>
      <c r="BB108" s="348"/>
      <c r="BC108" s="348"/>
      <c r="BD108" s="383">
        <v>
18506</v>
      </c>
      <c r="BE108" s="383"/>
      <c r="BF108" s="383"/>
      <c r="BG108" s="383"/>
      <c r="BH108" s="460">
        <v>
5.9745661562942115E-2</v>
      </c>
      <c r="BI108" s="460"/>
      <c r="BJ108" s="460"/>
      <c r="BK108" s="460"/>
      <c r="BL108" s="383">
        <v>
1273</v>
      </c>
      <c r="BM108" s="383"/>
      <c r="BN108" s="383"/>
      <c r="BO108" s="383"/>
      <c r="BP108" s="383"/>
      <c r="BQ108" s="383"/>
    </row>
    <row r="109" spans="1:69" s="2" customFormat="1" ht="15" customHeight="1" x14ac:dyDescent="0.2">
      <c r="A109" s="65"/>
      <c r="B109" s="65"/>
      <c r="C109" s="65"/>
      <c r="D109" s="65"/>
      <c r="E109" s="65"/>
      <c r="F109" s="7"/>
      <c r="G109" s="7"/>
      <c r="H109" s="7"/>
      <c r="I109" s="7"/>
      <c r="J109" s="8"/>
      <c r="K109" s="8"/>
      <c r="L109" s="8"/>
      <c r="M109" s="8"/>
      <c r="N109" s="21"/>
      <c r="O109" s="87"/>
      <c r="P109" s="87"/>
      <c r="Q109" s="87"/>
      <c r="R109" s="87"/>
      <c r="S109" s="87"/>
      <c r="T109" s="87"/>
      <c r="U109" s="7"/>
      <c r="V109" s="7"/>
      <c r="W109" s="7"/>
      <c r="X109" s="7"/>
      <c r="Y109" s="65"/>
      <c r="Z109" s="65"/>
      <c r="AA109" s="65"/>
      <c r="AB109" s="63"/>
      <c r="AC109" s="216" t="s">
        <v>
239</v>
      </c>
      <c r="AD109" s="217"/>
      <c r="AE109" s="217"/>
      <c r="AF109" s="218"/>
      <c r="AG109" s="383">
        <v>
1272780</v>
      </c>
      <c r="AH109" s="383"/>
      <c r="AI109" s="383"/>
      <c r="AJ109" s="383"/>
      <c r="AK109" s="460">
        <v>
8.4459152329464882</v>
      </c>
      <c r="AL109" s="460"/>
      <c r="AM109" s="460"/>
      <c r="AN109" s="460"/>
      <c r="AO109" s="50">
        <v>
0.85707674703874281</v>
      </c>
      <c r="AP109" s="461"/>
      <c r="AQ109" s="462"/>
      <c r="AR109" s="462"/>
      <c r="AS109" s="462"/>
      <c r="AT109" s="462"/>
      <c r="AU109" s="463"/>
      <c r="AV109" s="383"/>
      <c r="AW109" s="383"/>
      <c r="AX109" s="383"/>
      <c r="AY109" s="383"/>
      <c r="AZ109" s="348" t="s">
        <v>
149</v>
      </c>
      <c r="BA109" s="348"/>
      <c r="BB109" s="348"/>
      <c r="BC109" s="348"/>
      <c r="BD109" s="383">
        <v>
1581879</v>
      </c>
      <c r="BE109" s="383"/>
      <c r="BF109" s="383"/>
      <c r="BG109" s="383"/>
      <c r="BH109" s="460">
        <v>
5.1070143395398953</v>
      </c>
      <c r="BI109" s="460"/>
      <c r="BJ109" s="460"/>
      <c r="BK109" s="460"/>
      <c r="BL109" s="383">
        <v>
1581879</v>
      </c>
      <c r="BM109" s="383"/>
      <c r="BN109" s="383"/>
      <c r="BO109" s="383"/>
      <c r="BP109" s="383"/>
      <c r="BQ109" s="383"/>
    </row>
    <row r="110" spans="1:69" s="2" customFormat="1" ht="15" customHeight="1" x14ac:dyDescent="0.2">
      <c r="A110" s="65"/>
      <c r="B110" s="65"/>
      <c r="C110" s="65"/>
      <c r="D110" s="65"/>
      <c r="E110" s="65"/>
      <c r="F110" s="7"/>
      <c r="G110" s="7"/>
      <c r="H110" s="7"/>
      <c r="I110" s="7"/>
      <c r="J110" s="8"/>
      <c r="K110" s="8"/>
      <c r="L110" s="8"/>
      <c r="M110" s="8"/>
      <c r="N110" s="21"/>
      <c r="O110" s="87"/>
      <c r="P110" s="87"/>
      <c r="Q110" s="87"/>
      <c r="R110" s="87"/>
      <c r="S110" s="87"/>
      <c r="T110" s="87"/>
      <c r="U110" s="7"/>
      <c r="V110" s="7"/>
      <c r="W110" s="7"/>
      <c r="X110" s="7"/>
      <c r="Y110" s="65"/>
      <c r="Z110" s="65"/>
      <c r="AA110" s="65"/>
      <c r="AB110" s="114" t="s">
        <v>
240</v>
      </c>
      <c r="AC110" s="115"/>
      <c r="AD110" s="115"/>
      <c r="AE110" s="115"/>
      <c r="AF110" s="116"/>
      <c r="AG110" s="383">
        <v>
0</v>
      </c>
      <c r="AH110" s="383"/>
      <c r="AI110" s="383"/>
      <c r="AJ110" s="383"/>
      <c r="AK110" s="460">
        <v>
0</v>
      </c>
      <c r="AL110" s="460"/>
      <c r="AM110" s="460"/>
      <c r="AN110" s="460"/>
      <c r="AO110" s="50">
        <v>
0</v>
      </c>
      <c r="AP110" s="461"/>
      <c r="AQ110" s="462"/>
      <c r="AR110" s="462"/>
      <c r="AS110" s="462"/>
      <c r="AT110" s="462"/>
      <c r="AU110" s="463"/>
      <c r="AV110" s="383"/>
      <c r="AW110" s="383"/>
      <c r="AX110" s="383"/>
      <c r="AY110" s="383"/>
      <c r="AZ110" s="348" t="s">
        <v>
241</v>
      </c>
      <c r="BA110" s="348"/>
      <c r="BB110" s="348"/>
      <c r="BC110" s="348"/>
      <c r="BD110" s="383">
        <v>
0</v>
      </c>
      <c r="BE110" s="383"/>
      <c r="BF110" s="383"/>
      <c r="BG110" s="383"/>
      <c r="BH110" s="460">
        <v>
0</v>
      </c>
      <c r="BI110" s="460"/>
      <c r="BJ110" s="460"/>
      <c r="BK110" s="460"/>
      <c r="BL110" s="383">
        <v>
0</v>
      </c>
      <c r="BM110" s="383"/>
      <c r="BN110" s="383"/>
      <c r="BO110" s="383"/>
      <c r="BP110" s="383"/>
      <c r="BQ110" s="383"/>
    </row>
    <row r="111" spans="1:69" s="2" customFormat="1" ht="28.5" customHeight="1" x14ac:dyDescent="0.2">
      <c r="A111" s="65"/>
      <c r="B111" s="65"/>
      <c r="C111" s="65"/>
      <c r="D111" s="65"/>
      <c r="E111" s="65"/>
      <c r="F111" s="7"/>
      <c r="G111" s="7"/>
      <c r="H111" s="7"/>
      <c r="I111" s="7"/>
      <c r="J111" s="8"/>
      <c r="K111" s="8"/>
      <c r="L111" s="8"/>
      <c r="M111" s="8"/>
      <c r="N111" s="21"/>
      <c r="O111" s="87"/>
      <c r="P111" s="87"/>
      <c r="Q111" s="87"/>
      <c r="R111" s="87"/>
      <c r="S111" s="87"/>
      <c r="T111" s="87"/>
      <c r="U111" s="7"/>
      <c r="V111" s="7"/>
      <c r="W111" s="7"/>
      <c r="X111" s="7"/>
      <c r="Y111" s="65"/>
      <c r="Z111" s="65"/>
      <c r="AA111" s="65"/>
      <c r="AB111" s="473" t="s">
        <v>
242</v>
      </c>
      <c r="AC111" s="473"/>
      <c r="AD111" s="473"/>
      <c r="AE111" s="473"/>
      <c r="AF111" s="473"/>
      <c r="AG111" s="383">
        <v>
0</v>
      </c>
      <c r="AH111" s="383"/>
      <c r="AI111" s="383"/>
      <c r="AJ111" s="383"/>
      <c r="AK111" s="460">
        <v>
0</v>
      </c>
      <c r="AL111" s="460"/>
      <c r="AM111" s="460"/>
      <c r="AN111" s="460"/>
      <c r="AO111" s="50">
        <v>
0</v>
      </c>
      <c r="AP111" s="461"/>
      <c r="AQ111" s="462"/>
      <c r="AR111" s="462"/>
      <c r="AS111" s="462"/>
      <c r="AT111" s="462"/>
      <c r="AU111" s="463"/>
      <c r="AV111" s="383">
        <v>
0</v>
      </c>
      <c r="AW111" s="383"/>
      <c r="AX111" s="383"/>
      <c r="AY111" s="383"/>
      <c r="AZ111" s="348" t="s">
        <v>
170</v>
      </c>
      <c r="BA111" s="348"/>
      <c r="BB111" s="348"/>
      <c r="BC111" s="348"/>
      <c r="BD111" s="383">
        <v>
0</v>
      </c>
      <c r="BE111" s="383"/>
      <c r="BF111" s="383"/>
      <c r="BG111" s="383"/>
      <c r="BH111" s="460">
        <v>
0</v>
      </c>
      <c r="BI111" s="460"/>
      <c r="BJ111" s="460"/>
      <c r="BK111" s="460"/>
      <c r="BL111" s="383">
        <v>
0</v>
      </c>
      <c r="BM111" s="383"/>
      <c r="BN111" s="383"/>
      <c r="BO111" s="383"/>
      <c r="BP111" s="383"/>
      <c r="BQ111" s="383"/>
    </row>
    <row r="112" spans="1:69" s="2" customFormat="1" ht="14.25" customHeight="1" x14ac:dyDescent="0.2">
      <c r="A112" s="94"/>
      <c r="B112" s="94"/>
      <c r="C112" s="94"/>
      <c r="D112" s="94"/>
      <c r="E112" s="94"/>
      <c r="F112" s="105"/>
      <c r="G112" s="105"/>
      <c r="H112" s="105"/>
      <c r="I112" s="105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4"/>
      <c r="Z112" s="94"/>
      <c r="AA112" s="94"/>
      <c r="AB112" s="125" t="s">
        <v>
243</v>
      </c>
      <c r="AC112" s="126"/>
      <c r="AD112" s="126"/>
      <c r="AE112" s="126"/>
      <c r="AF112" s="127"/>
      <c r="AG112" s="464">
        <v>
15069770</v>
      </c>
      <c r="AH112" s="465"/>
      <c r="AI112" s="465"/>
      <c r="AJ112" s="466"/>
      <c r="AK112" s="460">
        <v>
100</v>
      </c>
      <c r="AL112" s="460"/>
      <c r="AM112" s="460"/>
      <c r="AN112" s="460"/>
      <c r="AO112" s="51">
        <v>
0.71192454737251809</v>
      </c>
      <c r="AP112" s="467">
        <v>
13397396</v>
      </c>
      <c r="AQ112" s="468"/>
      <c r="AR112" s="468"/>
      <c r="AS112" s="468"/>
      <c r="AT112" s="468"/>
      <c r="AU112" s="469"/>
      <c r="AV112" s="470">
        <v>
32781</v>
      </c>
      <c r="AW112" s="471"/>
      <c r="AX112" s="471"/>
      <c r="AY112" s="472"/>
      <c r="AZ112" s="125" t="s">
        <v>
244</v>
      </c>
      <c r="BA112" s="126"/>
      <c r="BB112" s="126"/>
      <c r="BC112" s="127"/>
      <c r="BD112" s="383">
        <v>
30974634</v>
      </c>
      <c r="BE112" s="383"/>
      <c r="BF112" s="383"/>
      <c r="BG112" s="383"/>
      <c r="BH112" s="460">
        <v>
100</v>
      </c>
      <c r="BI112" s="460"/>
      <c r="BJ112" s="460"/>
      <c r="BK112" s="460"/>
      <c r="BL112" s="383">
        <v>
17760830</v>
      </c>
      <c r="BM112" s="383"/>
      <c r="BN112" s="383"/>
      <c r="BO112" s="383"/>
      <c r="BP112" s="383"/>
      <c r="BQ112" s="383"/>
    </row>
    <row r="113" spans="1:69" s="2" customFormat="1" ht="16.5" customHeight="1" x14ac:dyDescent="0.2">
      <c r="A113" s="67"/>
      <c r="B113" s="67"/>
      <c r="C113" s="67"/>
      <c r="D113" s="67"/>
      <c r="E113" s="67"/>
      <c r="F113" s="67"/>
      <c r="G113" s="67"/>
      <c r="H113" s="67"/>
      <c r="I113" s="67"/>
      <c r="J113" s="67"/>
      <c r="K113" s="67"/>
      <c r="L113" s="67"/>
      <c r="M113" s="67"/>
      <c r="N113" s="67"/>
      <c r="O113" s="67"/>
      <c r="P113" s="67"/>
      <c r="Q113" s="67"/>
      <c r="R113" s="67"/>
      <c r="S113" s="67"/>
      <c r="T113" s="67"/>
      <c r="U113" s="67"/>
      <c r="V113" s="67"/>
      <c r="W113" s="67"/>
      <c r="X113" s="67"/>
      <c r="Y113" s="31"/>
      <c r="Z113" s="67"/>
      <c r="AA113" s="67"/>
      <c r="AB113" s="324" t="s">
        <v>
245</v>
      </c>
      <c r="AC113" s="325"/>
      <c r="AD113" s="325"/>
      <c r="AE113" s="325"/>
      <c r="AF113" s="326"/>
      <c r="AG113" s="330" t="s">
        <v>
246</v>
      </c>
      <c r="AH113" s="331"/>
      <c r="AI113" s="331"/>
      <c r="AJ113" s="331"/>
      <c r="AK113" s="331"/>
      <c r="AL113" s="331"/>
      <c r="AM113" s="331"/>
      <c r="AN113" s="331"/>
      <c r="AO113" s="331"/>
      <c r="AP113" s="331"/>
      <c r="AQ113" s="331"/>
      <c r="AR113" s="331"/>
      <c r="AS113" s="331"/>
      <c r="AT113" s="331"/>
      <c r="AU113" s="331"/>
      <c r="AV113" s="331"/>
      <c r="AW113" s="331"/>
      <c r="AX113" s="331"/>
      <c r="AY113" s="332"/>
      <c r="AZ113" s="474" t="s">
        <v>
247</v>
      </c>
      <c r="BA113" s="324" t="s">
        <v>
248</v>
      </c>
      <c r="BB113" s="325"/>
      <c r="BC113" s="325"/>
      <c r="BD113" s="325"/>
      <c r="BE113" s="326"/>
      <c r="BF113" s="336" t="s">
        <v>
249</v>
      </c>
      <c r="BG113" s="337"/>
      <c r="BH113" s="337"/>
      <c r="BI113" s="338"/>
      <c r="BJ113" s="336" t="s">
        <v>
250</v>
      </c>
      <c r="BK113" s="337"/>
      <c r="BL113" s="337"/>
      <c r="BM113" s="338"/>
      <c r="BN113" s="325" t="s">
        <v>
251</v>
      </c>
      <c r="BO113" s="325"/>
      <c r="BP113" s="325"/>
      <c r="BQ113" s="326"/>
    </row>
    <row r="114" spans="1:69" s="2" customFormat="1" ht="29.25" customHeight="1" x14ac:dyDescent="0.2">
      <c r="A114" s="67"/>
      <c r="B114" s="67"/>
      <c r="C114" s="67"/>
      <c r="D114" s="67"/>
      <c r="E114" s="67"/>
      <c r="F114" s="32"/>
      <c r="G114" s="33"/>
      <c r="H114" s="33"/>
      <c r="I114" s="33"/>
      <c r="J114" s="33"/>
      <c r="K114" s="33"/>
      <c r="L114" s="33"/>
      <c r="M114" s="33"/>
      <c r="N114" s="33"/>
      <c r="O114" s="33"/>
      <c r="P114" s="33"/>
      <c r="Q114" s="33"/>
      <c r="R114" s="33"/>
      <c r="S114" s="33"/>
      <c r="T114" s="33"/>
      <c r="U114" s="33"/>
      <c r="V114" s="33"/>
      <c r="W114" s="33"/>
      <c r="X114" s="33"/>
      <c r="Y114" s="31"/>
      <c r="Z114" s="67"/>
      <c r="AA114" s="67"/>
      <c r="AB114" s="327"/>
      <c r="AC114" s="328"/>
      <c r="AD114" s="328"/>
      <c r="AE114" s="328"/>
      <c r="AF114" s="329"/>
      <c r="AG114" s="477" t="s">
        <v>
267</v>
      </c>
      <c r="AH114" s="478"/>
      <c r="AI114" s="478"/>
      <c r="AJ114" s="478"/>
      <c r="AK114" s="478"/>
      <c r="AL114" s="478"/>
      <c r="AM114" s="478"/>
      <c r="AN114" s="478"/>
      <c r="AO114" s="478"/>
      <c r="AP114" s="478"/>
      <c r="AQ114" s="478"/>
      <c r="AR114" s="478"/>
      <c r="AS114" s="478"/>
      <c r="AT114" s="478"/>
      <c r="AU114" s="478"/>
      <c r="AV114" s="478"/>
      <c r="AW114" s="478"/>
      <c r="AX114" s="478"/>
      <c r="AY114" s="479"/>
      <c r="AZ114" s="475"/>
      <c r="BA114" s="327"/>
      <c r="BB114" s="328"/>
      <c r="BC114" s="328"/>
      <c r="BD114" s="328"/>
      <c r="BE114" s="329"/>
      <c r="BF114" s="339"/>
      <c r="BG114" s="340"/>
      <c r="BH114" s="340"/>
      <c r="BI114" s="341"/>
      <c r="BJ114" s="339"/>
      <c r="BK114" s="340"/>
      <c r="BL114" s="340"/>
      <c r="BM114" s="341"/>
      <c r="BN114" s="328"/>
      <c r="BO114" s="328"/>
      <c r="BP114" s="328"/>
      <c r="BQ114" s="329"/>
    </row>
    <row r="115" spans="1:69" s="2" customFormat="1" ht="29.25" customHeight="1" x14ac:dyDescent="0.2">
      <c r="A115" s="67"/>
      <c r="B115" s="67"/>
      <c r="C115" s="67"/>
      <c r="D115" s="67"/>
      <c r="E115" s="67"/>
      <c r="F115" s="33"/>
      <c r="G115" s="33"/>
      <c r="H115" s="33"/>
      <c r="I115" s="33"/>
      <c r="J115" s="33"/>
      <c r="K115" s="33"/>
      <c r="L115" s="33"/>
      <c r="M115" s="33"/>
      <c r="N115" s="33"/>
      <c r="O115" s="33"/>
      <c r="P115" s="33"/>
      <c r="Q115" s="33"/>
      <c r="R115" s="33"/>
      <c r="S115" s="33"/>
      <c r="T115" s="33"/>
      <c r="U115" s="33"/>
      <c r="V115" s="33"/>
      <c r="W115" s="33"/>
      <c r="X115" s="33"/>
      <c r="Y115" s="31"/>
      <c r="Z115" s="67"/>
      <c r="AA115" s="67"/>
      <c r="AB115" s="333"/>
      <c r="AC115" s="334"/>
      <c r="AD115" s="334"/>
      <c r="AE115" s="334"/>
      <c r="AF115" s="335"/>
      <c r="AG115" s="480"/>
      <c r="AH115" s="481"/>
      <c r="AI115" s="481"/>
      <c r="AJ115" s="481"/>
      <c r="AK115" s="481"/>
      <c r="AL115" s="481"/>
      <c r="AM115" s="481"/>
      <c r="AN115" s="481"/>
      <c r="AO115" s="481"/>
      <c r="AP115" s="481"/>
      <c r="AQ115" s="481"/>
      <c r="AR115" s="481"/>
      <c r="AS115" s="481"/>
      <c r="AT115" s="481"/>
      <c r="AU115" s="481"/>
      <c r="AV115" s="481"/>
      <c r="AW115" s="481"/>
      <c r="AX115" s="481"/>
      <c r="AY115" s="482"/>
      <c r="AZ115" s="475"/>
      <c r="BA115" s="333"/>
      <c r="BB115" s="334"/>
      <c r="BC115" s="334"/>
      <c r="BD115" s="334"/>
      <c r="BE115" s="335"/>
      <c r="BF115" s="493" t="s">
        <v>
23</v>
      </c>
      <c r="BG115" s="494"/>
      <c r="BH115" s="494"/>
      <c r="BI115" s="495"/>
      <c r="BJ115" s="493" t="s">
        <v>
23</v>
      </c>
      <c r="BK115" s="494"/>
      <c r="BL115" s="494"/>
      <c r="BM115" s="495"/>
      <c r="BN115" s="494" t="s">
        <v>
252</v>
      </c>
      <c r="BO115" s="494"/>
      <c r="BP115" s="494"/>
      <c r="BQ115" s="495"/>
    </row>
    <row r="116" spans="1:69" s="2" customFormat="1" ht="27" customHeight="1" x14ac:dyDescent="0.2">
      <c r="A116" s="34"/>
      <c r="B116" s="35"/>
      <c r="C116" s="35"/>
      <c r="D116" s="35"/>
      <c r="E116" s="35"/>
      <c r="F116" s="33"/>
      <c r="G116" s="33"/>
      <c r="H116" s="33"/>
      <c r="I116" s="33"/>
      <c r="J116" s="33"/>
      <c r="K116" s="33"/>
      <c r="L116" s="33"/>
      <c r="M116" s="33"/>
      <c r="N116" s="33"/>
      <c r="O116" s="33"/>
      <c r="P116" s="33"/>
      <c r="Q116" s="33"/>
      <c r="R116" s="33"/>
      <c r="S116" s="33"/>
      <c r="T116" s="33"/>
      <c r="U116" s="33"/>
      <c r="V116" s="33"/>
      <c r="W116" s="33"/>
      <c r="X116" s="33"/>
      <c r="Y116" s="31"/>
      <c r="Z116" s="65"/>
      <c r="AA116" s="65"/>
      <c r="AB116" s="52" t="s">
        <v>
253</v>
      </c>
      <c r="AC116" s="35"/>
      <c r="AD116" s="35"/>
      <c r="AE116" s="35"/>
      <c r="AF116" s="35"/>
      <c r="AG116" s="480"/>
      <c r="AH116" s="481"/>
      <c r="AI116" s="481"/>
      <c r="AJ116" s="481"/>
      <c r="AK116" s="481"/>
      <c r="AL116" s="481"/>
      <c r="AM116" s="481"/>
      <c r="AN116" s="481"/>
      <c r="AO116" s="481"/>
      <c r="AP116" s="481"/>
      <c r="AQ116" s="481"/>
      <c r="AR116" s="481"/>
      <c r="AS116" s="481"/>
      <c r="AT116" s="481"/>
      <c r="AU116" s="481"/>
      <c r="AV116" s="481"/>
      <c r="AW116" s="481"/>
      <c r="AX116" s="481"/>
      <c r="AY116" s="482"/>
      <c r="AZ116" s="475"/>
      <c r="BA116" s="159" t="s">
        <v>
254</v>
      </c>
      <c r="BB116" s="160"/>
      <c r="BC116" s="160"/>
      <c r="BD116" s="160"/>
      <c r="BE116" s="215"/>
      <c r="BF116" s="488">
        <v>
99.765136584422109</v>
      </c>
      <c r="BG116" s="489"/>
      <c r="BH116" s="489"/>
      <c r="BI116" s="489"/>
      <c r="BJ116" s="488">
        <v>
61.064811846913258</v>
      </c>
      <c r="BK116" s="489"/>
      <c r="BL116" s="489"/>
      <c r="BM116" s="491"/>
      <c r="BN116" s="489">
        <v>
99.605530960773123</v>
      </c>
      <c r="BO116" s="489"/>
      <c r="BP116" s="489"/>
      <c r="BQ116" s="491"/>
    </row>
    <row r="117" spans="1:69" s="2" customFormat="1" ht="21" customHeight="1" x14ac:dyDescent="0.2">
      <c r="A117" s="35"/>
      <c r="B117" s="35"/>
      <c r="C117" s="35"/>
      <c r="D117" s="35"/>
      <c r="E117" s="35"/>
      <c r="F117" s="33"/>
      <c r="G117" s="33"/>
      <c r="H117" s="33"/>
      <c r="I117" s="33"/>
      <c r="J117" s="33"/>
      <c r="K117" s="33"/>
      <c r="L117" s="33"/>
      <c r="M117" s="33"/>
      <c r="N117" s="33"/>
      <c r="O117" s="33"/>
      <c r="P117" s="33"/>
      <c r="Q117" s="33"/>
      <c r="R117" s="33"/>
      <c r="S117" s="33"/>
      <c r="T117" s="33"/>
      <c r="U117" s="33"/>
      <c r="V117" s="33"/>
      <c r="W117" s="33"/>
      <c r="X117" s="33"/>
      <c r="Y117" s="31"/>
      <c r="Z117" s="65"/>
      <c r="AA117" s="65"/>
      <c r="AB117" s="53"/>
      <c r="AC117" s="35"/>
      <c r="AD117" s="35"/>
      <c r="AE117" s="35"/>
      <c r="AF117" s="35"/>
      <c r="AG117" s="480"/>
      <c r="AH117" s="481"/>
      <c r="AI117" s="481"/>
      <c r="AJ117" s="481"/>
      <c r="AK117" s="481"/>
      <c r="AL117" s="481"/>
      <c r="AM117" s="481"/>
      <c r="AN117" s="481"/>
      <c r="AO117" s="481"/>
      <c r="AP117" s="481"/>
      <c r="AQ117" s="481"/>
      <c r="AR117" s="481"/>
      <c r="AS117" s="481"/>
      <c r="AT117" s="481"/>
      <c r="AU117" s="481"/>
      <c r="AV117" s="481"/>
      <c r="AW117" s="481"/>
      <c r="AX117" s="481"/>
      <c r="AY117" s="482"/>
      <c r="AZ117" s="475"/>
      <c r="BA117" s="486" t="s">
        <v>
255</v>
      </c>
      <c r="BB117" s="368"/>
      <c r="BC117" s="368"/>
      <c r="BD117" s="368"/>
      <c r="BE117" s="369"/>
      <c r="BF117" s="98" t="s">
        <v>
199</v>
      </c>
      <c r="BG117" s="487">
        <v>
99.8</v>
      </c>
      <c r="BH117" s="487"/>
      <c r="BI117" s="85" t="s">
        <v>
200</v>
      </c>
      <c r="BJ117" s="98" t="s">
        <v>
199</v>
      </c>
      <c r="BK117" s="487">
        <v>
61.1</v>
      </c>
      <c r="BL117" s="487"/>
      <c r="BM117" s="99" t="s">
        <v>
200</v>
      </c>
      <c r="BN117" s="85" t="s">
        <v>
199</v>
      </c>
      <c r="BO117" s="487">
        <v>
99.6</v>
      </c>
      <c r="BP117" s="487"/>
      <c r="BQ117" s="99" t="s">
        <v>
200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33"/>
      <c r="G118" s="33"/>
      <c r="H118" s="33"/>
      <c r="I118" s="33"/>
      <c r="J118" s="33"/>
      <c r="K118" s="33"/>
      <c r="L118" s="33"/>
      <c r="M118" s="33"/>
      <c r="N118" s="33"/>
      <c r="O118" s="33"/>
      <c r="P118" s="33"/>
      <c r="Q118" s="33"/>
      <c r="R118" s="33"/>
      <c r="S118" s="33"/>
      <c r="T118" s="33"/>
      <c r="U118" s="33"/>
      <c r="V118" s="33"/>
      <c r="W118" s="33"/>
      <c r="X118" s="33"/>
      <c r="Y118" s="31"/>
      <c r="Z118" s="104"/>
      <c r="AA118" s="65"/>
      <c r="AB118" s="54"/>
      <c r="AC118" s="30"/>
      <c r="AD118" s="30"/>
      <c r="AE118" s="28"/>
      <c r="AF118" s="28"/>
      <c r="AG118" s="480"/>
      <c r="AH118" s="481"/>
      <c r="AI118" s="481"/>
      <c r="AJ118" s="481"/>
      <c r="AK118" s="481"/>
      <c r="AL118" s="481"/>
      <c r="AM118" s="481"/>
      <c r="AN118" s="481"/>
      <c r="AO118" s="481"/>
      <c r="AP118" s="481"/>
      <c r="AQ118" s="481"/>
      <c r="AR118" s="481"/>
      <c r="AS118" s="481"/>
      <c r="AT118" s="481"/>
      <c r="AU118" s="481"/>
      <c r="AV118" s="481"/>
      <c r="AW118" s="481"/>
      <c r="AX118" s="481"/>
      <c r="AY118" s="482"/>
      <c r="AZ118" s="475"/>
      <c r="BA118" s="55"/>
      <c r="BB118" s="159" t="s">
        <v>
256</v>
      </c>
      <c r="BC118" s="160"/>
      <c r="BD118" s="160"/>
      <c r="BE118" s="215"/>
      <c r="BF118" s="488">
        <v>
99.646846686744453</v>
      </c>
      <c r="BG118" s="489"/>
      <c r="BH118" s="489"/>
      <c r="BI118" s="489"/>
      <c r="BJ118" s="488">
        <v>
53.948912741938926</v>
      </c>
      <c r="BK118" s="489"/>
      <c r="BL118" s="489"/>
      <c r="BM118" s="489"/>
      <c r="BN118" s="488">
        <v>
99.367086871236339</v>
      </c>
      <c r="BO118" s="489"/>
      <c r="BP118" s="489"/>
      <c r="BQ118" s="491"/>
    </row>
    <row r="119" spans="1:69" s="2" customFormat="1" ht="21" customHeight="1" x14ac:dyDescent="0.2">
      <c r="A119" s="56"/>
      <c r="B119" s="56"/>
      <c r="C119" s="56"/>
      <c r="D119" s="57"/>
      <c r="E119" s="57"/>
      <c r="F119" s="33"/>
      <c r="G119" s="33"/>
      <c r="H119" s="33"/>
      <c r="I119" s="33"/>
      <c r="J119" s="33"/>
      <c r="K119" s="33"/>
      <c r="L119" s="33"/>
      <c r="M119" s="33"/>
      <c r="N119" s="33"/>
      <c r="O119" s="33"/>
      <c r="P119" s="33"/>
      <c r="Q119" s="33"/>
      <c r="R119" s="33"/>
      <c r="S119" s="33"/>
      <c r="T119" s="33"/>
      <c r="U119" s="33"/>
      <c r="V119" s="33"/>
      <c r="W119" s="33"/>
      <c r="X119" s="33"/>
      <c r="Y119" s="31"/>
      <c r="Z119" s="104"/>
      <c r="AA119" s="65"/>
      <c r="AB119" s="496">
        <v>
39502</v>
      </c>
      <c r="AC119" s="497"/>
      <c r="AD119" s="497"/>
      <c r="AE119" s="498" t="s">
        <v>
18</v>
      </c>
      <c r="AF119" s="500"/>
      <c r="AG119" s="480"/>
      <c r="AH119" s="481"/>
      <c r="AI119" s="481"/>
      <c r="AJ119" s="481"/>
      <c r="AK119" s="481"/>
      <c r="AL119" s="481"/>
      <c r="AM119" s="481"/>
      <c r="AN119" s="481"/>
      <c r="AO119" s="481"/>
      <c r="AP119" s="481"/>
      <c r="AQ119" s="481"/>
      <c r="AR119" s="481"/>
      <c r="AS119" s="481"/>
      <c r="AT119" s="481"/>
      <c r="AU119" s="481"/>
      <c r="AV119" s="481"/>
      <c r="AW119" s="481"/>
      <c r="AX119" s="481"/>
      <c r="AY119" s="482"/>
      <c r="AZ119" s="475"/>
      <c r="BA119" s="55"/>
      <c r="BB119" s="216"/>
      <c r="BC119" s="217"/>
      <c r="BD119" s="217"/>
      <c r="BE119" s="218"/>
      <c r="BF119" s="490"/>
      <c r="BG119" s="487"/>
      <c r="BH119" s="487"/>
      <c r="BI119" s="487"/>
      <c r="BJ119" s="490"/>
      <c r="BK119" s="487"/>
      <c r="BL119" s="487"/>
      <c r="BM119" s="487"/>
      <c r="BN119" s="490"/>
      <c r="BO119" s="487"/>
      <c r="BP119" s="487"/>
      <c r="BQ119" s="492"/>
    </row>
    <row r="120" spans="1:69" s="2" customFormat="1" ht="21" customHeight="1" x14ac:dyDescent="0.2">
      <c r="A120" s="58"/>
      <c r="B120" s="35"/>
      <c r="C120" s="35"/>
      <c r="D120" s="35"/>
      <c r="E120" s="35"/>
      <c r="F120" s="33"/>
      <c r="G120" s="33"/>
      <c r="H120" s="33"/>
      <c r="I120" s="33"/>
      <c r="J120" s="33"/>
      <c r="K120" s="33"/>
      <c r="L120" s="33"/>
      <c r="M120" s="33"/>
      <c r="N120" s="33"/>
      <c r="O120" s="33"/>
      <c r="P120" s="33"/>
      <c r="Q120" s="33"/>
      <c r="R120" s="33"/>
      <c r="S120" s="33"/>
      <c r="T120" s="33"/>
      <c r="U120" s="33"/>
      <c r="V120" s="33"/>
      <c r="W120" s="33"/>
      <c r="X120" s="33"/>
      <c r="Y120" s="31"/>
      <c r="Z120" s="104"/>
      <c r="AA120" s="65"/>
      <c r="AB120" s="59" t="s">
        <v>
257</v>
      </c>
      <c r="AC120" s="60"/>
      <c r="AD120" s="60"/>
      <c r="AE120" s="60"/>
      <c r="AF120" s="60"/>
      <c r="AG120" s="480"/>
      <c r="AH120" s="481"/>
      <c r="AI120" s="481"/>
      <c r="AJ120" s="481"/>
      <c r="AK120" s="481"/>
      <c r="AL120" s="481"/>
      <c r="AM120" s="481"/>
      <c r="AN120" s="481"/>
      <c r="AO120" s="481"/>
      <c r="AP120" s="481"/>
      <c r="AQ120" s="481"/>
      <c r="AR120" s="481"/>
      <c r="AS120" s="481"/>
      <c r="AT120" s="481"/>
      <c r="AU120" s="481"/>
      <c r="AV120" s="481"/>
      <c r="AW120" s="481"/>
      <c r="AX120" s="481"/>
      <c r="AY120" s="482"/>
      <c r="AZ120" s="475"/>
      <c r="BA120" s="55"/>
      <c r="BB120" s="159" t="s">
        <v>
258</v>
      </c>
      <c r="BC120" s="160"/>
      <c r="BD120" s="160"/>
      <c r="BE120" s="215"/>
      <c r="BF120" s="488">
        <v>
99.883710031395054</v>
      </c>
      <c r="BG120" s="489"/>
      <c r="BH120" s="489"/>
      <c r="BI120" s="489"/>
      <c r="BJ120" s="488">
        <v>
85.079899074852818</v>
      </c>
      <c r="BK120" s="489"/>
      <c r="BL120" s="489"/>
      <c r="BM120" s="489"/>
      <c r="BN120" s="488">
        <v>
99.852111397924276</v>
      </c>
      <c r="BO120" s="489"/>
      <c r="BP120" s="489"/>
      <c r="BQ120" s="491"/>
    </row>
    <row r="121" spans="1:69" s="2" customFormat="1" ht="21" customHeight="1" x14ac:dyDescent="0.2">
      <c r="A121" s="35"/>
      <c r="B121" s="35"/>
      <c r="C121" s="35"/>
      <c r="D121" s="35"/>
      <c r="E121" s="35"/>
      <c r="F121" s="33"/>
      <c r="G121" s="33"/>
      <c r="H121" s="33"/>
      <c r="I121" s="33"/>
      <c r="J121" s="33"/>
      <c r="K121" s="33"/>
      <c r="L121" s="33"/>
      <c r="M121" s="33"/>
      <c r="N121" s="33"/>
      <c r="O121" s="33"/>
      <c r="P121" s="33"/>
      <c r="Q121" s="33"/>
      <c r="R121" s="33"/>
      <c r="S121" s="33"/>
      <c r="T121" s="33"/>
      <c r="U121" s="33"/>
      <c r="V121" s="33"/>
      <c r="W121" s="33"/>
      <c r="X121" s="33"/>
      <c r="Y121" s="31"/>
      <c r="Z121" s="104"/>
      <c r="AA121" s="65"/>
      <c r="AB121" s="53"/>
      <c r="AC121" s="35"/>
      <c r="AD121" s="35"/>
      <c r="AE121" s="35"/>
      <c r="AF121" s="35"/>
      <c r="AG121" s="480"/>
      <c r="AH121" s="481"/>
      <c r="AI121" s="481"/>
      <c r="AJ121" s="481"/>
      <c r="AK121" s="481"/>
      <c r="AL121" s="481"/>
      <c r="AM121" s="481"/>
      <c r="AN121" s="481"/>
      <c r="AO121" s="481"/>
      <c r="AP121" s="481"/>
      <c r="AQ121" s="481"/>
      <c r="AR121" s="481"/>
      <c r="AS121" s="481"/>
      <c r="AT121" s="481"/>
      <c r="AU121" s="481"/>
      <c r="AV121" s="481"/>
      <c r="AW121" s="481"/>
      <c r="AX121" s="481"/>
      <c r="AY121" s="482"/>
      <c r="AZ121" s="475"/>
      <c r="BA121" s="61"/>
      <c r="BB121" s="216"/>
      <c r="BC121" s="217"/>
      <c r="BD121" s="217"/>
      <c r="BE121" s="218"/>
      <c r="BF121" s="490"/>
      <c r="BG121" s="487"/>
      <c r="BH121" s="487"/>
      <c r="BI121" s="487"/>
      <c r="BJ121" s="490"/>
      <c r="BK121" s="487"/>
      <c r="BL121" s="487"/>
      <c r="BM121" s="487"/>
      <c r="BN121" s="490"/>
      <c r="BO121" s="487"/>
      <c r="BP121" s="487"/>
      <c r="BQ121" s="492"/>
    </row>
    <row r="122" spans="1:69" s="2" customFormat="1" ht="39" customHeight="1" x14ac:dyDescent="0.2">
      <c r="A122" s="56"/>
      <c r="B122" s="56"/>
      <c r="C122" s="56"/>
      <c r="D122" s="57"/>
      <c r="E122" s="57"/>
      <c r="F122" s="33"/>
      <c r="G122" s="33"/>
      <c r="H122" s="33"/>
      <c r="I122" s="33"/>
      <c r="J122" s="33"/>
      <c r="K122" s="33"/>
      <c r="L122" s="33"/>
      <c r="M122" s="33"/>
      <c r="N122" s="33"/>
      <c r="O122" s="33"/>
      <c r="P122" s="33"/>
      <c r="Q122" s="33"/>
      <c r="R122" s="33"/>
      <c r="S122" s="33"/>
      <c r="T122" s="33"/>
      <c r="U122" s="33"/>
      <c r="V122" s="33"/>
      <c r="W122" s="33"/>
      <c r="X122" s="33"/>
      <c r="Y122" s="31"/>
      <c r="Z122" s="94"/>
      <c r="AA122" s="94"/>
      <c r="AB122" s="496">
        <v>
2600</v>
      </c>
      <c r="AC122" s="497"/>
      <c r="AD122" s="497"/>
      <c r="AE122" s="498" t="s">
        <v>
18</v>
      </c>
      <c r="AF122" s="498"/>
      <c r="AG122" s="483"/>
      <c r="AH122" s="484"/>
      <c r="AI122" s="484"/>
      <c r="AJ122" s="484"/>
      <c r="AK122" s="484"/>
      <c r="AL122" s="484"/>
      <c r="AM122" s="484"/>
      <c r="AN122" s="484"/>
      <c r="AO122" s="484"/>
      <c r="AP122" s="484"/>
      <c r="AQ122" s="484"/>
      <c r="AR122" s="484"/>
      <c r="AS122" s="484"/>
      <c r="AT122" s="484"/>
      <c r="AU122" s="484"/>
      <c r="AV122" s="484"/>
      <c r="AW122" s="484"/>
      <c r="AX122" s="484"/>
      <c r="AY122" s="485"/>
      <c r="AZ122" s="476"/>
      <c r="BA122" s="125" t="s">
        <v>
259</v>
      </c>
      <c r="BB122" s="126"/>
      <c r="BC122" s="126"/>
      <c r="BD122" s="126"/>
      <c r="BE122" s="127"/>
      <c r="BF122" s="499">
        <v>
97.293459660033335</v>
      </c>
      <c r="BG122" s="499"/>
      <c r="BH122" s="499"/>
      <c r="BI122" s="499"/>
      <c r="BJ122" s="499">
        <v>
46.984418573768316</v>
      </c>
      <c r="BK122" s="499"/>
      <c r="BL122" s="499"/>
      <c r="BM122" s="499"/>
      <c r="BN122" s="499">
        <v>
94.471296805569182</v>
      </c>
      <c r="BO122" s="499"/>
      <c r="BP122" s="499"/>
      <c r="BQ122" s="499"/>
    </row>
    <row r="123" spans="1:69" s="2" customFormat="1" ht="24" customHeight="1" x14ac:dyDescent="0.2">
      <c r="Y123" s="62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2:AF102"/>
    <mergeCell ref="AG102:AJ102"/>
    <mergeCell ref="AK102:AN102"/>
    <mergeCell ref="AP102:AU102"/>
    <mergeCell ref="AV102:AY102"/>
    <mergeCell ref="AZ102:BC102"/>
    <mergeCell ref="BD102:BG102"/>
    <mergeCell ref="BH102:BK102"/>
    <mergeCell ref="BL102:BQ102"/>
    <mergeCell ref="BL100:BQ100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100:AF100"/>
    <mergeCell ref="AG100:AJ100"/>
    <mergeCell ref="AK100:AN100"/>
    <mergeCell ref="AP100:AU100"/>
    <mergeCell ref="AV100:AY100"/>
    <mergeCell ref="AZ100:BC100"/>
    <mergeCell ref="BD100:BG100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国立市</vt:lpstr>
      <vt:lpstr>国立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25T00:44:28Z</cp:lastPrinted>
  <dcterms:created xsi:type="dcterms:W3CDTF">2019-11-11T05:59:39Z</dcterms:created>
  <dcterms:modified xsi:type="dcterms:W3CDTF">2020-01-14T10:22:09Z</dcterms:modified>
</cp:coreProperties>
</file>